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sdt>
      <w:sdtPr>
        <w:rPr>
          <w:rFonts w:asciiTheme="minorHAnsi" w:eastAsiaTheme="minorHAnsi" w:hAnsiTheme="minorHAnsi" w:cstheme="minorBidi"/>
          <w:color w:val="auto"/>
          <w:sz w:val="22"/>
          <w:szCs w:val="22"/>
        </w:rPr>
        <w:id w:val="-1595242282"/>
        <w:docPartObj>
          <w:docPartGallery w:val="Table of Contents"/>
          <w:docPartUnique/>
        </w:docPartObj>
      </w:sdtPr>
      <w:sdtEndPr>
        <w:rPr>
          <w:b/>
          <w:bCs/>
          <w:noProof/>
        </w:rPr>
      </w:sdtEndPr>
      <w:sdtContent>
        <w:p w14:paraId="42CA8808" w14:textId="59D4B6CB" w:rsidR="00362569" w:rsidRDefault="00362569">
          <w:pPr>
            <w:pStyle w:val="TOCHeading"/>
          </w:pPr>
          <w:r>
            <w:t>Contents</w:t>
          </w:r>
        </w:p>
        <w:p w14:paraId="3D0EDE3F" w14:textId="553F3531" w:rsidR="00C653BC" w:rsidRDefault="00362569">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29831919" w:history="1">
            <w:r w:rsidR="00C653BC" w:rsidRPr="00662CEC">
              <w:rPr>
                <w:rStyle w:val="Hyperlink"/>
                <w:noProof/>
              </w:rPr>
              <w:t>Django – Design Philosophies</w:t>
            </w:r>
            <w:r w:rsidR="00C653BC">
              <w:rPr>
                <w:noProof/>
                <w:webHidden/>
              </w:rPr>
              <w:tab/>
            </w:r>
            <w:r w:rsidR="00C653BC">
              <w:rPr>
                <w:noProof/>
                <w:webHidden/>
              </w:rPr>
              <w:fldChar w:fldCharType="begin"/>
            </w:r>
            <w:r w:rsidR="00C653BC">
              <w:rPr>
                <w:noProof/>
                <w:webHidden/>
              </w:rPr>
              <w:instrText xml:space="preserve"> PAGEREF _Toc29831919 \h </w:instrText>
            </w:r>
            <w:r w:rsidR="00C653BC">
              <w:rPr>
                <w:noProof/>
                <w:webHidden/>
              </w:rPr>
            </w:r>
            <w:r w:rsidR="00C653BC">
              <w:rPr>
                <w:noProof/>
                <w:webHidden/>
              </w:rPr>
              <w:fldChar w:fldCharType="separate"/>
            </w:r>
            <w:r w:rsidR="00C653BC">
              <w:rPr>
                <w:noProof/>
                <w:webHidden/>
              </w:rPr>
              <w:t>2</w:t>
            </w:r>
            <w:r w:rsidR="00C653BC">
              <w:rPr>
                <w:noProof/>
                <w:webHidden/>
              </w:rPr>
              <w:fldChar w:fldCharType="end"/>
            </w:r>
          </w:hyperlink>
        </w:p>
        <w:p w14:paraId="7E70DFF0" w14:textId="36649148" w:rsidR="00C653BC" w:rsidRDefault="001E07D2">
          <w:pPr>
            <w:pStyle w:val="TOC1"/>
            <w:tabs>
              <w:tab w:val="right" w:leader="dot" w:pos="9350"/>
            </w:tabs>
            <w:rPr>
              <w:rFonts w:eastAsiaTheme="minorEastAsia"/>
              <w:noProof/>
            </w:rPr>
          </w:pPr>
          <w:hyperlink w:anchor="_Toc29831920" w:history="1">
            <w:r w:rsidR="00C653BC" w:rsidRPr="00662CEC">
              <w:rPr>
                <w:rStyle w:val="Hyperlink"/>
                <w:rFonts w:eastAsia="Times New Roman"/>
                <w:noProof/>
              </w:rPr>
              <w:t>Advantages of Django</w:t>
            </w:r>
            <w:r w:rsidR="00C653BC">
              <w:rPr>
                <w:noProof/>
                <w:webHidden/>
              </w:rPr>
              <w:tab/>
            </w:r>
            <w:r w:rsidR="00C653BC">
              <w:rPr>
                <w:noProof/>
                <w:webHidden/>
              </w:rPr>
              <w:fldChar w:fldCharType="begin"/>
            </w:r>
            <w:r w:rsidR="00C653BC">
              <w:rPr>
                <w:noProof/>
                <w:webHidden/>
              </w:rPr>
              <w:instrText xml:space="preserve"> PAGEREF _Toc29831920 \h </w:instrText>
            </w:r>
            <w:r w:rsidR="00C653BC">
              <w:rPr>
                <w:noProof/>
                <w:webHidden/>
              </w:rPr>
            </w:r>
            <w:r w:rsidR="00C653BC">
              <w:rPr>
                <w:noProof/>
                <w:webHidden/>
              </w:rPr>
              <w:fldChar w:fldCharType="separate"/>
            </w:r>
            <w:r w:rsidR="00C653BC">
              <w:rPr>
                <w:noProof/>
                <w:webHidden/>
              </w:rPr>
              <w:t>2</w:t>
            </w:r>
            <w:r w:rsidR="00C653BC">
              <w:rPr>
                <w:noProof/>
                <w:webHidden/>
              </w:rPr>
              <w:fldChar w:fldCharType="end"/>
            </w:r>
          </w:hyperlink>
        </w:p>
        <w:p w14:paraId="4B4BFE36" w14:textId="13767D4C" w:rsidR="00C653BC" w:rsidRDefault="001E07D2">
          <w:pPr>
            <w:pStyle w:val="TOC1"/>
            <w:tabs>
              <w:tab w:val="right" w:leader="dot" w:pos="9350"/>
            </w:tabs>
            <w:rPr>
              <w:rFonts w:eastAsiaTheme="minorEastAsia"/>
              <w:noProof/>
            </w:rPr>
          </w:pPr>
          <w:hyperlink w:anchor="_Toc29831921" w:history="1">
            <w:r w:rsidR="00C653BC" w:rsidRPr="00662CEC">
              <w:rPr>
                <w:rStyle w:val="Hyperlink"/>
                <w:noProof/>
              </w:rPr>
              <w:t>DJANGO MVC - MVT Pattern</w:t>
            </w:r>
            <w:r w:rsidR="00C653BC">
              <w:rPr>
                <w:noProof/>
                <w:webHidden/>
              </w:rPr>
              <w:tab/>
            </w:r>
            <w:r w:rsidR="00C653BC">
              <w:rPr>
                <w:noProof/>
                <w:webHidden/>
              </w:rPr>
              <w:fldChar w:fldCharType="begin"/>
            </w:r>
            <w:r w:rsidR="00C653BC">
              <w:rPr>
                <w:noProof/>
                <w:webHidden/>
              </w:rPr>
              <w:instrText xml:space="preserve"> PAGEREF _Toc29831921 \h </w:instrText>
            </w:r>
            <w:r w:rsidR="00C653BC">
              <w:rPr>
                <w:noProof/>
                <w:webHidden/>
              </w:rPr>
            </w:r>
            <w:r w:rsidR="00C653BC">
              <w:rPr>
                <w:noProof/>
                <w:webHidden/>
              </w:rPr>
              <w:fldChar w:fldCharType="separate"/>
            </w:r>
            <w:r w:rsidR="00C653BC">
              <w:rPr>
                <w:noProof/>
                <w:webHidden/>
              </w:rPr>
              <w:t>3</w:t>
            </w:r>
            <w:r w:rsidR="00C653BC">
              <w:rPr>
                <w:noProof/>
                <w:webHidden/>
              </w:rPr>
              <w:fldChar w:fldCharType="end"/>
            </w:r>
          </w:hyperlink>
        </w:p>
        <w:p w14:paraId="3D64398E" w14:textId="38AE6CF8" w:rsidR="00C653BC" w:rsidRDefault="001E07D2">
          <w:pPr>
            <w:pStyle w:val="TOC1"/>
            <w:tabs>
              <w:tab w:val="right" w:leader="dot" w:pos="9350"/>
            </w:tabs>
            <w:rPr>
              <w:rFonts w:eastAsiaTheme="minorEastAsia"/>
              <w:noProof/>
            </w:rPr>
          </w:pPr>
          <w:hyperlink w:anchor="_Toc29831922" w:history="1">
            <w:r w:rsidR="00C653BC" w:rsidRPr="00662CEC">
              <w:rPr>
                <w:rStyle w:val="Hyperlink"/>
                <w:noProof/>
              </w:rPr>
              <w:t>setup</w:t>
            </w:r>
            <w:r w:rsidR="00C653BC">
              <w:rPr>
                <w:noProof/>
                <w:webHidden/>
              </w:rPr>
              <w:tab/>
            </w:r>
            <w:r w:rsidR="00C653BC">
              <w:rPr>
                <w:noProof/>
                <w:webHidden/>
              </w:rPr>
              <w:fldChar w:fldCharType="begin"/>
            </w:r>
            <w:r w:rsidR="00C653BC">
              <w:rPr>
                <w:noProof/>
                <w:webHidden/>
              </w:rPr>
              <w:instrText xml:space="preserve"> PAGEREF _Toc29831922 \h </w:instrText>
            </w:r>
            <w:r w:rsidR="00C653BC">
              <w:rPr>
                <w:noProof/>
                <w:webHidden/>
              </w:rPr>
            </w:r>
            <w:r w:rsidR="00C653BC">
              <w:rPr>
                <w:noProof/>
                <w:webHidden/>
              </w:rPr>
              <w:fldChar w:fldCharType="separate"/>
            </w:r>
            <w:r w:rsidR="00C653BC">
              <w:rPr>
                <w:noProof/>
                <w:webHidden/>
              </w:rPr>
              <w:t>4</w:t>
            </w:r>
            <w:r w:rsidR="00C653BC">
              <w:rPr>
                <w:noProof/>
                <w:webHidden/>
              </w:rPr>
              <w:fldChar w:fldCharType="end"/>
            </w:r>
          </w:hyperlink>
        </w:p>
        <w:p w14:paraId="4900D18E" w14:textId="57E7FA57" w:rsidR="00C653BC" w:rsidRDefault="001E07D2">
          <w:pPr>
            <w:pStyle w:val="TOC1"/>
            <w:tabs>
              <w:tab w:val="right" w:leader="dot" w:pos="9350"/>
            </w:tabs>
            <w:rPr>
              <w:rFonts w:eastAsiaTheme="minorEastAsia"/>
              <w:noProof/>
            </w:rPr>
          </w:pPr>
          <w:hyperlink w:anchor="_Toc29831923" w:history="1">
            <w:r w:rsidR="00C653BC" w:rsidRPr="00662CEC">
              <w:rPr>
                <w:rStyle w:val="Hyperlink"/>
                <w:noProof/>
              </w:rPr>
              <w:t>STEPS</w:t>
            </w:r>
            <w:r w:rsidR="00C653BC">
              <w:rPr>
                <w:noProof/>
                <w:webHidden/>
              </w:rPr>
              <w:tab/>
            </w:r>
            <w:r w:rsidR="00C653BC">
              <w:rPr>
                <w:noProof/>
                <w:webHidden/>
              </w:rPr>
              <w:fldChar w:fldCharType="begin"/>
            </w:r>
            <w:r w:rsidR="00C653BC">
              <w:rPr>
                <w:noProof/>
                <w:webHidden/>
              </w:rPr>
              <w:instrText xml:space="preserve"> PAGEREF _Toc29831923 \h </w:instrText>
            </w:r>
            <w:r w:rsidR="00C653BC">
              <w:rPr>
                <w:noProof/>
                <w:webHidden/>
              </w:rPr>
            </w:r>
            <w:r w:rsidR="00C653BC">
              <w:rPr>
                <w:noProof/>
                <w:webHidden/>
              </w:rPr>
              <w:fldChar w:fldCharType="separate"/>
            </w:r>
            <w:r w:rsidR="00C653BC">
              <w:rPr>
                <w:noProof/>
                <w:webHidden/>
              </w:rPr>
              <w:t>6</w:t>
            </w:r>
            <w:r w:rsidR="00C653BC">
              <w:rPr>
                <w:noProof/>
                <w:webHidden/>
              </w:rPr>
              <w:fldChar w:fldCharType="end"/>
            </w:r>
          </w:hyperlink>
        </w:p>
        <w:p w14:paraId="3F740DAD" w14:textId="0902B95B" w:rsidR="00C653BC" w:rsidRDefault="001E07D2">
          <w:pPr>
            <w:pStyle w:val="TOC1"/>
            <w:tabs>
              <w:tab w:val="right" w:leader="dot" w:pos="9350"/>
            </w:tabs>
            <w:rPr>
              <w:rFonts w:eastAsiaTheme="minorEastAsia"/>
              <w:noProof/>
            </w:rPr>
          </w:pPr>
          <w:hyperlink w:anchor="_Toc29831924" w:history="1">
            <w:r w:rsidR="00C653BC" w:rsidRPr="00662CEC">
              <w:rPr>
                <w:rStyle w:val="Hyperlink"/>
                <w:noProof/>
              </w:rPr>
              <w:t>Reusability in htmls:</w:t>
            </w:r>
            <w:r w:rsidR="00C653BC">
              <w:rPr>
                <w:noProof/>
                <w:webHidden/>
              </w:rPr>
              <w:tab/>
            </w:r>
            <w:r w:rsidR="00C653BC">
              <w:rPr>
                <w:noProof/>
                <w:webHidden/>
              </w:rPr>
              <w:fldChar w:fldCharType="begin"/>
            </w:r>
            <w:r w:rsidR="00C653BC">
              <w:rPr>
                <w:noProof/>
                <w:webHidden/>
              </w:rPr>
              <w:instrText xml:space="preserve"> PAGEREF _Toc29831924 \h </w:instrText>
            </w:r>
            <w:r w:rsidR="00C653BC">
              <w:rPr>
                <w:noProof/>
                <w:webHidden/>
              </w:rPr>
            </w:r>
            <w:r w:rsidR="00C653BC">
              <w:rPr>
                <w:noProof/>
                <w:webHidden/>
              </w:rPr>
              <w:fldChar w:fldCharType="separate"/>
            </w:r>
            <w:r w:rsidR="00C653BC">
              <w:rPr>
                <w:noProof/>
                <w:webHidden/>
              </w:rPr>
              <w:t>9</w:t>
            </w:r>
            <w:r w:rsidR="00C653BC">
              <w:rPr>
                <w:noProof/>
                <w:webHidden/>
              </w:rPr>
              <w:fldChar w:fldCharType="end"/>
            </w:r>
          </w:hyperlink>
        </w:p>
        <w:p w14:paraId="623D7E90" w14:textId="0C655E14" w:rsidR="00C653BC" w:rsidRDefault="001E07D2">
          <w:pPr>
            <w:pStyle w:val="TOC1"/>
            <w:tabs>
              <w:tab w:val="right" w:leader="dot" w:pos="9350"/>
            </w:tabs>
            <w:rPr>
              <w:rFonts w:eastAsiaTheme="minorEastAsia"/>
              <w:noProof/>
            </w:rPr>
          </w:pPr>
          <w:hyperlink w:anchor="_Toc29831925" w:history="1">
            <w:r w:rsidR="00C653BC" w:rsidRPr="00662CEC">
              <w:rPr>
                <w:rStyle w:val="Hyperlink"/>
                <w:noProof/>
              </w:rPr>
              <w:t>Request capturing:</w:t>
            </w:r>
            <w:r w:rsidR="00C653BC">
              <w:rPr>
                <w:noProof/>
                <w:webHidden/>
              </w:rPr>
              <w:tab/>
            </w:r>
            <w:r w:rsidR="00C653BC">
              <w:rPr>
                <w:noProof/>
                <w:webHidden/>
              </w:rPr>
              <w:fldChar w:fldCharType="begin"/>
            </w:r>
            <w:r w:rsidR="00C653BC">
              <w:rPr>
                <w:noProof/>
                <w:webHidden/>
              </w:rPr>
              <w:instrText xml:space="preserve"> PAGEREF _Toc29831925 \h </w:instrText>
            </w:r>
            <w:r w:rsidR="00C653BC">
              <w:rPr>
                <w:noProof/>
                <w:webHidden/>
              </w:rPr>
            </w:r>
            <w:r w:rsidR="00C653BC">
              <w:rPr>
                <w:noProof/>
                <w:webHidden/>
              </w:rPr>
              <w:fldChar w:fldCharType="separate"/>
            </w:r>
            <w:r w:rsidR="00C653BC">
              <w:rPr>
                <w:noProof/>
                <w:webHidden/>
              </w:rPr>
              <w:t>11</w:t>
            </w:r>
            <w:r w:rsidR="00C653BC">
              <w:rPr>
                <w:noProof/>
                <w:webHidden/>
              </w:rPr>
              <w:fldChar w:fldCharType="end"/>
            </w:r>
          </w:hyperlink>
        </w:p>
        <w:p w14:paraId="6C2D368C" w14:textId="1D4BC0CD" w:rsidR="00C653BC" w:rsidRDefault="001E07D2">
          <w:pPr>
            <w:pStyle w:val="TOC1"/>
            <w:tabs>
              <w:tab w:val="right" w:leader="dot" w:pos="9350"/>
            </w:tabs>
            <w:rPr>
              <w:rFonts w:eastAsiaTheme="minorEastAsia"/>
              <w:noProof/>
            </w:rPr>
          </w:pPr>
          <w:hyperlink w:anchor="_Toc29831926" w:history="1">
            <w:r w:rsidR="00C653BC" w:rsidRPr="00662CEC">
              <w:rPr>
                <w:rStyle w:val="Hyperlink"/>
                <w:noProof/>
              </w:rPr>
              <w:t>Configuring welcome page</w:t>
            </w:r>
            <w:r w:rsidR="00C653BC">
              <w:rPr>
                <w:noProof/>
                <w:webHidden/>
              </w:rPr>
              <w:tab/>
            </w:r>
            <w:r w:rsidR="00C653BC">
              <w:rPr>
                <w:noProof/>
                <w:webHidden/>
              </w:rPr>
              <w:fldChar w:fldCharType="begin"/>
            </w:r>
            <w:r w:rsidR="00C653BC">
              <w:rPr>
                <w:noProof/>
                <w:webHidden/>
              </w:rPr>
              <w:instrText xml:space="preserve"> PAGEREF _Toc29831926 \h </w:instrText>
            </w:r>
            <w:r w:rsidR="00C653BC">
              <w:rPr>
                <w:noProof/>
                <w:webHidden/>
              </w:rPr>
            </w:r>
            <w:r w:rsidR="00C653BC">
              <w:rPr>
                <w:noProof/>
                <w:webHidden/>
              </w:rPr>
              <w:fldChar w:fldCharType="separate"/>
            </w:r>
            <w:r w:rsidR="00C653BC">
              <w:rPr>
                <w:noProof/>
                <w:webHidden/>
              </w:rPr>
              <w:t>13</w:t>
            </w:r>
            <w:r w:rsidR="00C653BC">
              <w:rPr>
                <w:noProof/>
                <w:webHidden/>
              </w:rPr>
              <w:fldChar w:fldCharType="end"/>
            </w:r>
          </w:hyperlink>
        </w:p>
        <w:p w14:paraId="1D9289B4" w14:textId="33786400" w:rsidR="00C653BC" w:rsidRDefault="001E07D2">
          <w:pPr>
            <w:pStyle w:val="TOC1"/>
            <w:tabs>
              <w:tab w:val="right" w:leader="dot" w:pos="9350"/>
            </w:tabs>
            <w:rPr>
              <w:rFonts w:eastAsiaTheme="minorEastAsia"/>
              <w:noProof/>
            </w:rPr>
          </w:pPr>
          <w:hyperlink w:anchor="_Toc29831927" w:history="1">
            <w:r w:rsidR="00C653BC" w:rsidRPr="00662CEC">
              <w:rPr>
                <w:rStyle w:val="Hyperlink"/>
                <w:noProof/>
              </w:rPr>
              <w:t>Code in Templates:</w:t>
            </w:r>
            <w:r w:rsidR="00C653BC">
              <w:rPr>
                <w:noProof/>
                <w:webHidden/>
              </w:rPr>
              <w:tab/>
            </w:r>
            <w:r w:rsidR="00C653BC">
              <w:rPr>
                <w:noProof/>
                <w:webHidden/>
              </w:rPr>
              <w:fldChar w:fldCharType="begin"/>
            </w:r>
            <w:r w:rsidR="00C653BC">
              <w:rPr>
                <w:noProof/>
                <w:webHidden/>
              </w:rPr>
              <w:instrText xml:space="preserve"> PAGEREF _Toc29831927 \h </w:instrText>
            </w:r>
            <w:r w:rsidR="00C653BC">
              <w:rPr>
                <w:noProof/>
                <w:webHidden/>
              </w:rPr>
            </w:r>
            <w:r w:rsidR="00C653BC">
              <w:rPr>
                <w:noProof/>
                <w:webHidden/>
              </w:rPr>
              <w:fldChar w:fldCharType="separate"/>
            </w:r>
            <w:r w:rsidR="00C653BC">
              <w:rPr>
                <w:noProof/>
                <w:webHidden/>
              </w:rPr>
              <w:t>14</w:t>
            </w:r>
            <w:r w:rsidR="00C653BC">
              <w:rPr>
                <w:noProof/>
                <w:webHidden/>
              </w:rPr>
              <w:fldChar w:fldCharType="end"/>
            </w:r>
          </w:hyperlink>
        </w:p>
        <w:p w14:paraId="19B98726" w14:textId="3DC8532C" w:rsidR="00C653BC" w:rsidRDefault="001E07D2">
          <w:pPr>
            <w:pStyle w:val="TOC2"/>
            <w:tabs>
              <w:tab w:val="right" w:leader="dot" w:pos="9350"/>
            </w:tabs>
            <w:rPr>
              <w:noProof/>
            </w:rPr>
          </w:pPr>
          <w:hyperlink w:anchor="_Toc29831928" w:history="1">
            <w:r w:rsidR="00C653BC" w:rsidRPr="00662CEC">
              <w:rPr>
                <w:rStyle w:val="Hyperlink"/>
                <w:noProof/>
              </w:rPr>
              <w:t>Firstof</w:t>
            </w:r>
            <w:r w:rsidR="00C653BC">
              <w:rPr>
                <w:noProof/>
                <w:webHidden/>
              </w:rPr>
              <w:tab/>
            </w:r>
            <w:r w:rsidR="00C653BC">
              <w:rPr>
                <w:noProof/>
                <w:webHidden/>
              </w:rPr>
              <w:fldChar w:fldCharType="begin"/>
            </w:r>
            <w:r w:rsidR="00C653BC">
              <w:rPr>
                <w:noProof/>
                <w:webHidden/>
              </w:rPr>
              <w:instrText xml:space="preserve"> PAGEREF _Toc29831928 \h </w:instrText>
            </w:r>
            <w:r w:rsidR="00C653BC">
              <w:rPr>
                <w:noProof/>
                <w:webHidden/>
              </w:rPr>
            </w:r>
            <w:r w:rsidR="00C653BC">
              <w:rPr>
                <w:noProof/>
                <w:webHidden/>
              </w:rPr>
              <w:fldChar w:fldCharType="separate"/>
            </w:r>
            <w:r w:rsidR="00C653BC">
              <w:rPr>
                <w:noProof/>
                <w:webHidden/>
              </w:rPr>
              <w:t>14</w:t>
            </w:r>
            <w:r w:rsidR="00C653BC">
              <w:rPr>
                <w:noProof/>
                <w:webHidden/>
              </w:rPr>
              <w:fldChar w:fldCharType="end"/>
            </w:r>
          </w:hyperlink>
        </w:p>
        <w:p w14:paraId="7D827E97" w14:textId="204808A9" w:rsidR="00C653BC" w:rsidRDefault="001E07D2">
          <w:pPr>
            <w:pStyle w:val="TOC2"/>
            <w:tabs>
              <w:tab w:val="right" w:leader="dot" w:pos="9350"/>
            </w:tabs>
            <w:rPr>
              <w:noProof/>
            </w:rPr>
          </w:pPr>
          <w:hyperlink w:anchor="_Toc29831929" w:history="1">
            <w:r w:rsidR="00C653BC" w:rsidRPr="00662CEC">
              <w:rPr>
                <w:rStyle w:val="Hyperlink"/>
                <w:noProof/>
              </w:rPr>
              <w:t>If statement</w:t>
            </w:r>
            <w:r w:rsidR="00C653BC">
              <w:rPr>
                <w:noProof/>
                <w:webHidden/>
              </w:rPr>
              <w:tab/>
            </w:r>
            <w:r w:rsidR="00C653BC">
              <w:rPr>
                <w:noProof/>
                <w:webHidden/>
              </w:rPr>
              <w:fldChar w:fldCharType="begin"/>
            </w:r>
            <w:r w:rsidR="00C653BC">
              <w:rPr>
                <w:noProof/>
                <w:webHidden/>
              </w:rPr>
              <w:instrText xml:space="preserve"> PAGEREF _Toc29831929 \h </w:instrText>
            </w:r>
            <w:r w:rsidR="00C653BC">
              <w:rPr>
                <w:noProof/>
                <w:webHidden/>
              </w:rPr>
            </w:r>
            <w:r w:rsidR="00C653BC">
              <w:rPr>
                <w:noProof/>
                <w:webHidden/>
              </w:rPr>
              <w:fldChar w:fldCharType="separate"/>
            </w:r>
            <w:r w:rsidR="00C653BC">
              <w:rPr>
                <w:noProof/>
                <w:webHidden/>
              </w:rPr>
              <w:t>15</w:t>
            </w:r>
            <w:r w:rsidR="00C653BC">
              <w:rPr>
                <w:noProof/>
                <w:webHidden/>
              </w:rPr>
              <w:fldChar w:fldCharType="end"/>
            </w:r>
          </w:hyperlink>
        </w:p>
        <w:p w14:paraId="123F5321" w14:textId="497B7D6D" w:rsidR="00C653BC" w:rsidRDefault="001E07D2">
          <w:pPr>
            <w:pStyle w:val="TOC2"/>
            <w:tabs>
              <w:tab w:val="right" w:leader="dot" w:pos="9350"/>
            </w:tabs>
            <w:rPr>
              <w:noProof/>
            </w:rPr>
          </w:pPr>
          <w:hyperlink w:anchor="_Toc29831930" w:history="1">
            <w:r w:rsidR="00C653BC" w:rsidRPr="00662CEC">
              <w:rPr>
                <w:rStyle w:val="Hyperlink"/>
                <w:noProof/>
              </w:rPr>
              <w:t>For loop</w:t>
            </w:r>
            <w:r w:rsidR="00C653BC">
              <w:rPr>
                <w:noProof/>
                <w:webHidden/>
              </w:rPr>
              <w:tab/>
            </w:r>
            <w:r w:rsidR="00C653BC">
              <w:rPr>
                <w:noProof/>
                <w:webHidden/>
              </w:rPr>
              <w:fldChar w:fldCharType="begin"/>
            </w:r>
            <w:r w:rsidR="00C653BC">
              <w:rPr>
                <w:noProof/>
                <w:webHidden/>
              </w:rPr>
              <w:instrText xml:space="preserve"> PAGEREF _Toc29831930 \h </w:instrText>
            </w:r>
            <w:r w:rsidR="00C653BC">
              <w:rPr>
                <w:noProof/>
                <w:webHidden/>
              </w:rPr>
            </w:r>
            <w:r w:rsidR="00C653BC">
              <w:rPr>
                <w:noProof/>
                <w:webHidden/>
              </w:rPr>
              <w:fldChar w:fldCharType="separate"/>
            </w:r>
            <w:r w:rsidR="00C653BC">
              <w:rPr>
                <w:noProof/>
                <w:webHidden/>
              </w:rPr>
              <w:t>16</w:t>
            </w:r>
            <w:r w:rsidR="00C653BC">
              <w:rPr>
                <w:noProof/>
                <w:webHidden/>
              </w:rPr>
              <w:fldChar w:fldCharType="end"/>
            </w:r>
          </w:hyperlink>
        </w:p>
        <w:p w14:paraId="2264DE99" w14:textId="0EB20241" w:rsidR="00C653BC" w:rsidRDefault="001E07D2">
          <w:pPr>
            <w:pStyle w:val="TOC2"/>
            <w:tabs>
              <w:tab w:val="right" w:leader="dot" w:pos="9350"/>
            </w:tabs>
            <w:rPr>
              <w:noProof/>
            </w:rPr>
          </w:pPr>
          <w:hyperlink w:anchor="_Toc29831931" w:history="1">
            <w:r w:rsidR="00C653BC" w:rsidRPr="00662CEC">
              <w:rPr>
                <w:rStyle w:val="Hyperlink"/>
                <w:noProof/>
              </w:rPr>
              <w:t>Conditions</w:t>
            </w:r>
            <w:r w:rsidR="00C653BC">
              <w:rPr>
                <w:noProof/>
                <w:webHidden/>
              </w:rPr>
              <w:tab/>
            </w:r>
            <w:r w:rsidR="00C653BC">
              <w:rPr>
                <w:noProof/>
                <w:webHidden/>
              </w:rPr>
              <w:fldChar w:fldCharType="begin"/>
            </w:r>
            <w:r w:rsidR="00C653BC">
              <w:rPr>
                <w:noProof/>
                <w:webHidden/>
              </w:rPr>
              <w:instrText xml:space="preserve"> PAGEREF _Toc29831931 \h </w:instrText>
            </w:r>
            <w:r w:rsidR="00C653BC">
              <w:rPr>
                <w:noProof/>
                <w:webHidden/>
              </w:rPr>
            </w:r>
            <w:r w:rsidR="00C653BC">
              <w:rPr>
                <w:noProof/>
                <w:webHidden/>
              </w:rPr>
              <w:fldChar w:fldCharType="separate"/>
            </w:r>
            <w:r w:rsidR="00C653BC">
              <w:rPr>
                <w:noProof/>
                <w:webHidden/>
              </w:rPr>
              <w:t>17</w:t>
            </w:r>
            <w:r w:rsidR="00C653BC">
              <w:rPr>
                <w:noProof/>
                <w:webHidden/>
              </w:rPr>
              <w:fldChar w:fldCharType="end"/>
            </w:r>
          </w:hyperlink>
        </w:p>
        <w:p w14:paraId="12BC639C" w14:textId="43FB78EC" w:rsidR="00C653BC" w:rsidRDefault="001E07D2">
          <w:pPr>
            <w:pStyle w:val="TOC2"/>
            <w:tabs>
              <w:tab w:val="right" w:leader="dot" w:pos="9350"/>
            </w:tabs>
            <w:rPr>
              <w:noProof/>
            </w:rPr>
          </w:pPr>
          <w:hyperlink w:anchor="_Toc29831932" w:history="1">
            <w:r w:rsidR="00C653BC" w:rsidRPr="00662CEC">
              <w:rPr>
                <w:rStyle w:val="Hyperlink"/>
                <w:noProof/>
              </w:rPr>
              <w:t>Includes:</w:t>
            </w:r>
            <w:r w:rsidR="00C653BC">
              <w:rPr>
                <w:noProof/>
                <w:webHidden/>
              </w:rPr>
              <w:tab/>
            </w:r>
            <w:r w:rsidR="00C653BC">
              <w:rPr>
                <w:noProof/>
                <w:webHidden/>
              </w:rPr>
              <w:fldChar w:fldCharType="begin"/>
            </w:r>
            <w:r w:rsidR="00C653BC">
              <w:rPr>
                <w:noProof/>
                <w:webHidden/>
              </w:rPr>
              <w:instrText xml:space="preserve"> PAGEREF _Toc29831932 \h </w:instrText>
            </w:r>
            <w:r w:rsidR="00C653BC">
              <w:rPr>
                <w:noProof/>
                <w:webHidden/>
              </w:rPr>
            </w:r>
            <w:r w:rsidR="00C653BC">
              <w:rPr>
                <w:noProof/>
                <w:webHidden/>
              </w:rPr>
              <w:fldChar w:fldCharType="separate"/>
            </w:r>
            <w:r w:rsidR="00C653BC">
              <w:rPr>
                <w:noProof/>
                <w:webHidden/>
              </w:rPr>
              <w:t>18</w:t>
            </w:r>
            <w:r w:rsidR="00C653BC">
              <w:rPr>
                <w:noProof/>
                <w:webHidden/>
              </w:rPr>
              <w:fldChar w:fldCharType="end"/>
            </w:r>
          </w:hyperlink>
        </w:p>
        <w:p w14:paraId="6ED16455" w14:textId="154CC42E" w:rsidR="00362569" w:rsidRDefault="00362569">
          <w:r>
            <w:rPr>
              <w:b/>
              <w:bCs/>
              <w:noProof/>
            </w:rPr>
            <w:fldChar w:fldCharType="end"/>
          </w:r>
        </w:p>
      </w:sdtContent>
    </w:sdt>
    <w:p w14:paraId="601BBE1E" w14:textId="635598F5" w:rsidR="00AE7668" w:rsidRDefault="00AE7668" w:rsidP="00C02C54"/>
    <w:p w14:paraId="65D9E22B" w14:textId="72C66C6D" w:rsidR="00A5307E" w:rsidRDefault="00A5307E" w:rsidP="00C02C54"/>
    <w:p w14:paraId="413A8583" w14:textId="7D20CC6D" w:rsidR="00A5307E" w:rsidRDefault="00A5307E" w:rsidP="00C02C54"/>
    <w:p w14:paraId="6E4F69A1" w14:textId="77944563" w:rsidR="00A5307E" w:rsidRDefault="00A5307E" w:rsidP="00C02C54"/>
    <w:p w14:paraId="0E36E991" w14:textId="6BAB2A3A" w:rsidR="00A5307E" w:rsidRDefault="00A5307E" w:rsidP="00C02C54"/>
    <w:p w14:paraId="207FE902" w14:textId="661AC7F8" w:rsidR="00A5307E" w:rsidRDefault="00A5307E" w:rsidP="00C02C54"/>
    <w:p w14:paraId="2C76518F" w14:textId="522393F8" w:rsidR="00A5307E" w:rsidRDefault="00A5307E" w:rsidP="00C02C54"/>
    <w:p w14:paraId="39F073B3" w14:textId="5893755D" w:rsidR="00A5307E" w:rsidRDefault="00A5307E" w:rsidP="00C02C54"/>
    <w:p w14:paraId="2C0A5ABC" w14:textId="2447B1FE" w:rsidR="00A5307E" w:rsidRDefault="00A5307E" w:rsidP="00C02C54"/>
    <w:p w14:paraId="6D8432FD" w14:textId="03A50C53" w:rsidR="00A5307E" w:rsidRDefault="00A5307E" w:rsidP="00C02C54"/>
    <w:p w14:paraId="6DD67BBB" w14:textId="58559BE2" w:rsidR="00A5307E" w:rsidRDefault="00A5307E" w:rsidP="00C02C54"/>
    <w:p w14:paraId="674A1D1E" w14:textId="214BF6F2" w:rsidR="00A5307E" w:rsidRDefault="00A5307E" w:rsidP="00C02C54"/>
    <w:p w14:paraId="7A4D5CBB" w14:textId="04EB6254" w:rsidR="00A5307E" w:rsidRDefault="00A5307E" w:rsidP="00C02C54"/>
    <w:p w14:paraId="5527F5AC" w14:textId="7908BA6C" w:rsidR="00A5307E" w:rsidRDefault="00A5307E" w:rsidP="00C02C54"/>
    <w:p w14:paraId="5EE4B380" w14:textId="06C70F7E" w:rsidR="00A5307E" w:rsidRDefault="00A5307E" w:rsidP="00C02C54"/>
    <w:p w14:paraId="1DAA0E05" w14:textId="77777777" w:rsidR="00A5307E" w:rsidRDefault="00A5307E" w:rsidP="00C02C54"/>
    <w:p w14:paraId="027B05E8" w14:textId="449E45C3" w:rsidR="00D457C5" w:rsidRDefault="00D457C5" w:rsidP="00C02C54"/>
    <w:p w14:paraId="2431C882" w14:textId="77777777" w:rsidR="00AD76FF" w:rsidRDefault="00AD76FF" w:rsidP="007825B8">
      <w:pPr>
        <w:pStyle w:val="Heading1"/>
      </w:pPr>
      <w:r>
        <w:t>framework:</w:t>
      </w:r>
    </w:p>
    <w:p w14:paraId="21FFD6D4" w14:textId="77777777" w:rsidR="00AD76FF" w:rsidRDefault="00AD76FF" w:rsidP="00AD76FF">
      <w:r>
        <w:t>- contains pre-written code that has solution for the common problms we face in the project.</w:t>
      </w:r>
    </w:p>
    <w:p w14:paraId="6EE156C8" w14:textId="77777777" w:rsidR="00AD76FF" w:rsidRDefault="00AD76FF" w:rsidP="00AD76FF">
      <w:r>
        <w:t>- has certain design patterns</w:t>
      </w:r>
    </w:p>
    <w:p w14:paraId="55CB39B4" w14:textId="77777777" w:rsidR="00AD76FF" w:rsidRDefault="00AD76FF" w:rsidP="00AD76FF">
      <w:r>
        <w:t>- Plug and play for developing the applications.</w:t>
      </w:r>
    </w:p>
    <w:p w14:paraId="7071A2C0" w14:textId="77777777" w:rsidR="00AD76FF" w:rsidRDefault="00AD76FF" w:rsidP="00AD76FF">
      <w:r>
        <w:t>- faster development [ as django has ready made code]</w:t>
      </w:r>
    </w:p>
    <w:p w14:paraId="7E468076" w14:textId="62B346C1" w:rsidR="00C02C54" w:rsidRDefault="00AD76FF" w:rsidP="00AD76FF">
      <w:r>
        <w:t xml:space="preserve">ex: django , </w:t>
      </w:r>
      <w:r w:rsidR="00C01E55">
        <w:t>flask</w:t>
      </w:r>
      <w:bookmarkStart w:id="0" w:name="_GoBack"/>
      <w:bookmarkEnd w:id="0"/>
      <w:r>
        <w:t xml:space="preserve"> .etcc..</w:t>
      </w:r>
    </w:p>
    <w:p w14:paraId="655CC433" w14:textId="127E9470" w:rsidR="008640EB" w:rsidRDefault="008640EB" w:rsidP="00AD76FF"/>
    <w:p w14:paraId="07B6162D" w14:textId="3F5C96C8" w:rsidR="001A7D83" w:rsidRDefault="001A7D83" w:rsidP="001A7D83">
      <w:pPr>
        <w:pStyle w:val="Heading1"/>
      </w:pPr>
      <w:r>
        <w:t xml:space="preserve">Web </w:t>
      </w:r>
      <w:r w:rsidR="00D8691E">
        <w:t>application</w:t>
      </w:r>
      <w:r>
        <w:t>:</w:t>
      </w:r>
    </w:p>
    <w:p w14:paraId="3C1AAD99" w14:textId="77777777" w:rsidR="001A7D83" w:rsidRDefault="001A7D83" w:rsidP="001A7D83">
      <w:r>
        <w:t>Web application supports HTTP protocol.</w:t>
      </w:r>
    </w:p>
    <w:p w14:paraId="66829E52" w14:textId="69A86469" w:rsidR="001A7D83" w:rsidRDefault="001A7D83" w:rsidP="001A7D83">
      <w:r>
        <w:t xml:space="preserve">If dev needs to develop a web application then dev has to write the </w:t>
      </w:r>
      <w:r w:rsidR="00D8691E">
        <w:t>supported</w:t>
      </w:r>
      <w:r>
        <w:t xml:space="preserve"> code for the HTTP.</w:t>
      </w:r>
    </w:p>
    <w:p w14:paraId="3C00A487" w14:textId="77777777" w:rsidR="001A7D83" w:rsidRDefault="001A7D83" w:rsidP="001A7D83">
      <w:r>
        <w:t>HTTP -&gt; HYPER TEXT TRANSFER PROPTOCOL</w:t>
      </w:r>
    </w:p>
    <w:p w14:paraId="7FB4A8BB" w14:textId="77777777" w:rsidR="001A7D83" w:rsidRDefault="001A7D83" w:rsidP="001A7D83"/>
    <w:p w14:paraId="50B9F808" w14:textId="77777777" w:rsidR="001A7D83" w:rsidRDefault="001A7D83" w:rsidP="001A7D83"/>
    <w:p w14:paraId="096D2C8B" w14:textId="77777777" w:rsidR="001A7D83" w:rsidRDefault="001A7D83" w:rsidP="001A7D83">
      <w:r>
        <w:t>Http has certain standards :</w:t>
      </w:r>
    </w:p>
    <w:p w14:paraId="3C52779C" w14:textId="33B4C5CC" w:rsidR="001A7D83" w:rsidRDefault="001A7D83" w:rsidP="001A7D83">
      <w:r>
        <w:t>- send Http</w:t>
      </w:r>
      <w:r w:rsidR="00D8691E">
        <w:t>R</w:t>
      </w:r>
      <w:r>
        <w:t>equest to the backend</w:t>
      </w:r>
    </w:p>
    <w:p w14:paraId="42C36E78" w14:textId="77777777" w:rsidR="001A7D83" w:rsidRDefault="001A7D83" w:rsidP="001A7D83">
      <w:r>
        <w:t>- respond with HttpResponse to the frontend</w:t>
      </w:r>
    </w:p>
    <w:p w14:paraId="5E71C06B" w14:textId="77777777" w:rsidR="001A7D83" w:rsidRDefault="001A7D83" w:rsidP="001A7D83"/>
    <w:p w14:paraId="4CEFA602" w14:textId="4BA78445" w:rsidR="001A7D83" w:rsidRDefault="001A7D83" w:rsidP="001A7D83">
      <w:r>
        <w:t xml:space="preserve">Web </w:t>
      </w:r>
      <w:r w:rsidR="00020D4A">
        <w:t xml:space="preserve">application </w:t>
      </w:r>
      <w:r>
        <w:t xml:space="preserve">is a </w:t>
      </w:r>
      <w:r w:rsidR="00A03661">
        <w:t>CLIENT</w:t>
      </w:r>
      <w:r>
        <w:t>-server model.</w:t>
      </w:r>
    </w:p>
    <w:p w14:paraId="20C06C1A" w14:textId="0566DCE3" w:rsidR="001A7D83" w:rsidRDefault="001A7D83" w:rsidP="001A7D83">
      <w:r>
        <w:t>client : Front End</w:t>
      </w:r>
      <w:r w:rsidR="00900DA4">
        <w:t xml:space="preserve"> , BROWSER</w:t>
      </w:r>
    </w:p>
    <w:p w14:paraId="10FFDEF7" w14:textId="77777777" w:rsidR="001A7D83" w:rsidRDefault="001A7D83" w:rsidP="001A7D83">
      <w:r>
        <w:t>server : django appliction running 24/7</w:t>
      </w:r>
    </w:p>
    <w:p w14:paraId="43196214" w14:textId="77777777" w:rsidR="001A7D83" w:rsidRDefault="001A7D83" w:rsidP="001A7D83"/>
    <w:p w14:paraId="3FD46385" w14:textId="27B34D97" w:rsidR="001A7D83" w:rsidRDefault="001A7D83" w:rsidP="001A7D83">
      <w:r>
        <w:t>for web</w:t>
      </w:r>
      <w:r w:rsidR="00C16924">
        <w:t>A</w:t>
      </w:r>
      <w:r>
        <w:t>pplication both client and server has to know the HTTP.</w:t>
      </w:r>
    </w:p>
    <w:p w14:paraId="51FABF61" w14:textId="479BE9EB" w:rsidR="001A7D83" w:rsidRDefault="001A7D83" w:rsidP="001A7D83">
      <w:r>
        <w:t xml:space="preserve">client sends the </w:t>
      </w:r>
      <w:r w:rsidR="007D3C7B">
        <w:t>request</w:t>
      </w:r>
      <w:r>
        <w:t xml:space="preserve"> to the backend and server will respond to frontend.</w:t>
      </w:r>
    </w:p>
    <w:p w14:paraId="1B8CD2D1" w14:textId="77777777" w:rsidR="001A7D83" w:rsidRDefault="001A7D83" w:rsidP="001A7D83"/>
    <w:p w14:paraId="1D114928" w14:textId="048068F5" w:rsidR="001A7D83" w:rsidRDefault="001A7D83" w:rsidP="001A7D83">
      <w:r>
        <w:t>client is using the browser (ex: chrome, firefox ).And browsers are designed to follow the HTTP standards.</w:t>
      </w:r>
    </w:p>
    <w:p w14:paraId="36E114C1" w14:textId="77777777" w:rsidR="00ED1951" w:rsidRDefault="00ED1951" w:rsidP="00A5307E">
      <w:pPr>
        <w:pStyle w:val="Heading1"/>
        <w:rPr>
          <w:b/>
          <w:bCs/>
        </w:rPr>
      </w:pPr>
      <w:bookmarkStart w:id="1" w:name="_Toc29831919"/>
      <w:r>
        <w:lastRenderedPageBreak/>
        <w:t>Django – Design Philosophies</w:t>
      </w:r>
      <w:bookmarkEnd w:id="1"/>
    </w:p>
    <w:p w14:paraId="70FE532E" w14:textId="77777777" w:rsidR="00A5307E" w:rsidRDefault="00A5307E" w:rsidP="00A5307E"/>
    <w:p w14:paraId="67CA0491" w14:textId="77777777" w:rsidR="00A5307E" w:rsidRDefault="00A5307E" w:rsidP="00A5307E">
      <w:r>
        <w:t>Django is a high-level Python Web framework that encourages rapid development and clean pragmatic design.</w:t>
      </w:r>
    </w:p>
    <w:p w14:paraId="4C1E2E6E" w14:textId="77777777" w:rsidR="00A5307E" w:rsidRDefault="00A5307E" w:rsidP="00A5307E">
      <w:r>
        <w:t xml:space="preserve"> A Web framework is a set of components that provide a standard way to develop websites fast and easily. </w:t>
      </w:r>
    </w:p>
    <w:p w14:paraId="3CE80030" w14:textId="77777777" w:rsidR="00A5307E" w:rsidRDefault="00A5307E" w:rsidP="00A5307E">
      <w:r>
        <w:t>Django’s primary goal is to ease the creation of complex database-driven websites.</w:t>
      </w:r>
    </w:p>
    <w:p w14:paraId="66FF737C" w14:textId="77777777" w:rsidR="00A5307E" w:rsidRDefault="00A5307E" w:rsidP="00ED1951">
      <w:pPr>
        <w:pStyle w:val="NormalWeb"/>
        <w:spacing w:before="0" w:beforeAutospacing="0" w:after="144" w:afterAutospacing="0" w:line="360" w:lineRule="atLeast"/>
        <w:ind w:left="48" w:right="48"/>
        <w:jc w:val="both"/>
        <w:rPr>
          <w:rFonts w:ascii="Verdana" w:hAnsi="Verdana"/>
          <w:color w:val="000000"/>
        </w:rPr>
      </w:pPr>
    </w:p>
    <w:p w14:paraId="73E5FD49" w14:textId="54C00EAA" w:rsidR="00ED1951" w:rsidRDefault="00ED1951" w:rsidP="00ED1951">
      <w:pPr>
        <w:pStyle w:val="NormalWeb"/>
        <w:spacing w:before="0" w:beforeAutospacing="0" w:after="144" w:afterAutospacing="0" w:line="360" w:lineRule="atLeast"/>
        <w:ind w:left="48" w:right="48"/>
        <w:jc w:val="both"/>
        <w:rPr>
          <w:rFonts w:ascii="Verdana" w:hAnsi="Verdana"/>
          <w:color w:val="000000"/>
        </w:rPr>
      </w:pPr>
      <w:r>
        <w:rPr>
          <w:rFonts w:ascii="Verdana" w:hAnsi="Verdana"/>
          <w:color w:val="000000"/>
        </w:rPr>
        <w:t>Django comes with the following design philosophies −</w:t>
      </w:r>
    </w:p>
    <w:p w14:paraId="5932DD2B"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oosely Coupled</w:t>
      </w:r>
      <w:r>
        <w:rPr>
          <w:rFonts w:ascii="Verdana" w:hAnsi="Verdana"/>
          <w:color w:val="000000"/>
          <w:sz w:val="21"/>
          <w:szCs w:val="21"/>
        </w:rPr>
        <w:t> − Django aims to make each element of its stack independent of the others.</w:t>
      </w:r>
    </w:p>
    <w:p w14:paraId="0F5B9A02"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ess Coding</w:t>
      </w:r>
      <w:r>
        <w:rPr>
          <w:rFonts w:ascii="Verdana" w:hAnsi="Verdana"/>
          <w:color w:val="000000"/>
          <w:sz w:val="21"/>
          <w:szCs w:val="21"/>
        </w:rPr>
        <w:t> − Less code so in turn a quick development.</w:t>
      </w:r>
    </w:p>
    <w:p w14:paraId="482FFAF8"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Don't Repeat Yourself (DRY)</w:t>
      </w:r>
      <w:r>
        <w:rPr>
          <w:rFonts w:ascii="Verdana" w:hAnsi="Verdana"/>
          <w:color w:val="000000"/>
          <w:sz w:val="21"/>
          <w:szCs w:val="21"/>
        </w:rPr>
        <w:t> − Everything should be developed only in exactly one place instead of repeating it again and again.</w:t>
      </w:r>
    </w:p>
    <w:p w14:paraId="73BBD76E"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Fast Development</w:t>
      </w:r>
      <w:r>
        <w:rPr>
          <w:rFonts w:ascii="Verdana" w:hAnsi="Verdana"/>
          <w:color w:val="000000"/>
          <w:sz w:val="21"/>
          <w:szCs w:val="21"/>
        </w:rPr>
        <w:t> − Django's philosophy is to do all it can to facilitate hyper-fast development.</w:t>
      </w:r>
    </w:p>
    <w:p w14:paraId="084480EA"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Clean Design</w:t>
      </w:r>
      <w:r>
        <w:rPr>
          <w:rFonts w:ascii="Verdana" w:hAnsi="Verdana"/>
          <w:color w:val="000000"/>
          <w:sz w:val="21"/>
          <w:szCs w:val="21"/>
        </w:rPr>
        <w:t> − Django strictly maintains a clean design throughout its own code and makes it easy to follow best web-development practices.</w:t>
      </w:r>
    </w:p>
    <w:p w14:paraId="3DB2594D" w14:textId="7E18AEC5" w:rsidR="002361B3" w:rsidRDefault="002361B3" w:rsidP="00C02C54"/>
    <w:p w14:paraId="13F5A691" w14:textId="5203CAD6" w:rsidR="002361B3" w:rsidRDefault="002361B3" w:rsidP="00C02C54"/>
    <w:p w14:paraId="76895C7D" w14:textId="0EAE2511" w:rsidR="002361B3" w:rsidRDefault="002361B3" w:rsidP="00C02C54"/>
    <w:p w14:paraId="00C80E3C" w14:textId="77777777" w:rsidR="002361B3" w:rsidRPr="002361B3" w:rsidRDefault="002361B3" w:rsidP="00A5307E">
      <w:pPr>
        <w:pStyle w:val="Heading1"/>
        <w:rPr>
          <w:rFonts w:eastAsia="Times New Roman"/>
        </w:rPr>
      </w:pPr>
      <w:bookmarkStart w:id="2" w:name="_Toc29831920"/>
      <w:r w:rsidRPr="002361B3">
        <w:rPr>
          <w:rFonts w:eastAsia="Times New Roman"/>
        </w:rPr>
        <w:t>Advantages of Django</w:t>
      </w:r>
      <w:bookmarkEnd w:id="2"/>
    </w:p>
    <w:p w14:paraId="15D6C6E7" w14:textId="77777777" w:rsidR="002361B3" w:rsidRPr="002361B3" w:rsidRDefault="002361B3" w:rsidP="002361B3">
      <w:pPr>
        <w:spacing w:after="144" w:line="360" w:lineRule="atLeast"/>
        <w:ind w:left="48" w:right="48"/>
        <w:jc w:val="both"/>
        <w:rPr>
          <w:rFonts w:ascii="Verdana" w:eastAsia="Times New Roman" w:hAnsi="Verdana" w:cs="Times New Roman"/>
          <w:color w:val="000000"/>
          <w:sz w:val="24"/>
          <w:szCs w:val="24"/>
        </w:rPr>
      </w:pPr>
      <w:r w:rsidRPr="002361B3">
        <w:rPr>
          <w:rFonts w:ascii="Verdana" w:eastAsia="Times New Roman" w:hAnsi="Verdana" w:cs="Times New Roman"/>
          <w:color w:val="000000"/>
          <w:sz w:val="24"/>
          <w:szCs w:val="24"/>
        </w:rPr>
        <w:t>Here are few advantages of using Django which can be listed out here −</w:t>
      </w:r>
    </w:p>
    <w:p w14:paraId="6B993ABF" w14:textId="1CAB5C32" w:rsid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Object-Relational Mapping (ORM) Support</w:t>
      </w:r>
      <w:r w:rsidRPr="002361B3">
        <w:rPr>
          <w:rFonts w:ascii="Verdana" w:eastAsia="Times New Roman" w:hAnsi="Verdana" w:cs="Times New Roman"/>
          <w:color w:val="000000"/>
          <w:sz w:val="21"/>
          <w:szCs w:val="21"/>
        </w:rPr>
        <w:t> − Django provides a bridge between the data model and the database engine, and supports a large set of database systems including MySQL, Oracle, Postgres, etc. Django also supports NoSQL database through Django-nonrel fork. For now, the only NoSQL databases supported are MongoDB and google app engine.</w:t>
      </w:r>
    </w:p>
    <w:p w14:paraId="74FCA3B5" w14:textId="1B2143C7" w:rsidR="00BB008A" w:rsidRDefault="00BB008A" w:rsidP="00BB008A">
      <w:pPr>
        <w:spacing w:after="144" w:line="360" w:lineRule="atLeast"/>
        <w:ind w:right="48"/>
        <w:jc w:val="both"/>
        <w:rPr>
          <w:rFonts w:ascii="Verdana" w:eastAsia="Times New Roman" w:hAnsi="Verdana" w:cs="Times New Roman"/>
          <w:color w:val="000000"/>
          <w:sz w:val="21"/>
          <w:szCs w:val="21"/>
        </w:rPr>
      </w:pPr>
    </w:p>
    <w:p w14:paraId="2B10BD1F"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3C342A0D"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lastRenderedPageBreak/>
        <w:t>Python  ----&gt;   Django   --&gt; DB</w:t>
      </w:r>
    </w:p>
    <w:p w14:paraId="383DFBC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ORM : Relation between python and DB</w:t>
      </w:r>
    </w:p>
    <w:p w14:paraId="3CEFFC72"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python:                                       DB:</w:t>
      </w:r>
    </w:p>
    <w:p w14:paraId="5DB4796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                                     </w:t>
      </w:r>
    </w:p>
    <w:p w14:paraId="6FA16184"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CLASS                                         TABLE  </w:t>
      </w:r>
    </w:p>
    <w:p w14:paraId="1D26F8A5" w14:textId="16DAA102"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nstance variables                          COLUMNS</w:t>
      </w:r>
    </w:p>
    <w:p w14:paraId="7B1D96CC"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Objcts                                        Row</w:t>
      </w:r>
    </w:p>
    <w:p w14:paraId="392F0D8A"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5D2743AB"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For every table there is  a class</w:t>
      </w:r>
    </w:p>
    <w:p w14:paraId="465BDD79"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4D4C497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Class is related to Table</w:t>
      </w:r>
    </w:p>
    <w:p w14:paraId="02AA4FC4"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nstance variables are related to columns</w:t>
      </w:r>
    </w:p>
    <w:p w14:paraId="5AC2D244" w14:textId="46E405C9"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Objects are rel</w:t>
      </w:r>
      <w:r w:rsidR="00142029">
        <w:rPr>
          <w:rFonts w:ascii="Verdana" w:eastAsia="Times New Roman" w:hAnsi="Verdana" w:cs="Times New Roman"/>
          <w:color w:val="000000"/>
          <w:sz w:val="21"/>
          <w:szCs w:val="21"/>
        </w:rPr>
        <w:t>a</w:t>
      </w:r>
      <w:r w:rsidRPr="00BB008A">
        <w:rPr>
          <w:rFonts w:ascii="Verdana" w:eastAsia="Times New Roman" w:hAnsi="Verdana" w:cs="Times New Roman"/>
          <w:color w:val="000000"/>
          <w:sz w:val="21"/>
          <w:szCs w:val="21"/>
        </w:rPr>
        <w:t>ted to Row.</w:t>
      </w:r>
    </w:p>
    <w:p w14:paraId="7F096028"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25BACD2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Req:</w:t>
      </w:r>
    </w:p>
    <w:p w14:paraId="0A5C225D"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 have a table with 60 columns ..  i need to read the 60 values and set inside te object</w:t>
      </w:r>
    </w:p>
    <w:p w14:paraId="6EBCD59F"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1D290B">
        <w:rPr>
          <w:rFonts w:ascii="Verdana" w:eastAsia="Times New Roman" w:hAnsi="Verdana" w:cs="Times New Roman"/>
          <w:b/>
          <w:bCs/>
          <w:color w:val="000000"/>
          <w:sz w:val="21"/>
          <w:szCs w:val="21"/>
        </w:rPr>
        <w:t>solution:</w:t>
      </w:r>
      <w:r w:rsidRPr="00BB008A">
        <w:rPr>
          <w:rFonts w:ascii="Verdana" w:eastAsia="Times New Roman" w:hAnsi="Verdana" w:cs="Times New Roman"/>
          <w:color w:val="000000"/>
          <w:sz w:val="21"/>
          <w:szCs w:val="21"/>
        </w:rPr>
        <w:t xml:space="preserve"> [mapping from row to python obj]</w:t>
      </w:r>
    </w:p>
    <w:p w14:paraId="5D5C1677"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without django : write 60 lines</w:t>
      </w:r>
    </w:p>
    <w:p w14:paraId="6631E7DB" w14:textId="1515CD12" w:rsid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with django : write 1 line</w:t>
      </w:r>
    </w:p>
    <w:p w14:paraId="0068F5A6" w14:textId="55A48711" w:rsidR="00942C9D" w:rsidRDefault="00942C9D" w:rsidP="00BB008A">
      <w:pPr>
        <w:spacing w:after="144" w:line="360" w:lineRule="atLeast"/>
        <w:ind w:right="48"/>
        <w:jc w:val="both"/>
        <w:rPr>
          <w:rFonts w:ascii="Verdana" w:eastAsia="Times New Roman" w:hAnsi="Verdana" w:cs="Times New Roman"/>
          <w:color w:val="000000"/>
          <w:sz w:val="21"/>
          <w:szCs w:val="21"/>
        </w:rPr>
      </w:pPr>
    </w:p>
    <w:p w14:paraId="240EE537" w14:textId="77777777" w:rsidR="00942C9D" w:rsidRPr="00942C9D" w:rsidRDefault="00942C9D" w:rsidP="00942C9D">
      <w:pPr>
        <w:spacing w:after="144" w:line="360" w:lineRule="atLeast"/>
        <w:ind w:right="48"/>
        <w:jc w:val="both"/>
        <w:rPr>
          <w:rFonts w:ascii="Verdana" w:eastAsia="Times New Roman" w:hAnsi="Verdana" w:cs="Times New Roman"/>
          <w:color w:val="000000"/>
          <w:sz w:val="21"/>
          <w:szCs w:val="21"/>
        </w:rPr>
      </w:pPr>
      <w:r w:rsidRPr="00942C9D">
        <w:rPr>
          <w:rFonts w:ascii="Verdana" w:eastAsia="Times New Roman" w:hAnsi="Verdana" w:cs="Times New Roman"/>
          <w:color w:val="000000"/>
          <w:sz w:val="21"/>
          <w:szCs w:val="21"/>
        </w:rPr>
        <w:t>with djnago you dont need to write the sql queries . call the methods provided by ORM .</w:t>
      </w:r>
    </w:p>
    <w:p w14:paraId="23DE8600" w14:textId="2D797297" w:rsidR="00942C9D" w:rsidRDefault="00942C9D" w:rsidP="00942C9D">
      <w:pPr>
        <w:spacing w:after="144" w:line="360" w:lineRule="atLeast"/>
        <w:ind w:right="48"/>
        <w:jc w:val="both"/>
        <w:rPr>
          <w:rFonts w:ascii="Verdana" w:eastAsia="Times New Roman" w:hAnsi="Verdana" w:cs="Times New Roman"/>
          <w:color w:val="000000"/>
          <w:sz w:val="21"/>
          <w:szCs w:val="21"/>
        </w:rPr>
      </w:pPr>
      <w:r w:rsidRPr="00942C9D">
        <w:rPr>
          <w:rFonts w:ascii="Verdana" w:eastAsia="Times New Roman" w:hAnsi="Verdana" w:cs="Times New Roman"/>
          <w:color w:val="000000"/>
          <w:sz w:val="21"/>
          <w:szCs w:val="21"/>
        </w:rPr>
        <w:t>the sql queries are taken care by orm.</w:t>
      </w:r>
    </w:p>
    <w:p w14:paraId="1DAF00B8" w14:textId="49DC8AE8" w:rsidR="00236E23" w:rsidRDefault="004A5FA6" w:rsidP="00942C9D">
      <w:pPr>
        <w:spacing w:after="144" w:line="360" w:lineRule="atLeast"/>
        <w:ind w:right="48"/>
        <w:jc w:val="both"/>
        <w:rPr>
          <w:rFonts w:ascii="Verdana" w:eastAsia="Times New Roman" w:hAnsi="Verdana" w:cs="Times New Roman"/>
          <w:color w:val="000000"/>
          <w:sz w:val="21"/>
          <w:szCs w:val="21"/>
        </w:rPr>
      </w:pPr>
      <w:r w:rsidRPr="004A5FA6">
        <w:rPr>
          <w:rFonts w:ascii="Verdana" w:eastAsia="Times New Roman" w:hAnsi="Verdana" w:cs="Times New Roman"/>
          <w:color w:val="000000"/>
          <w:sz w:val="21"/>
          <w:szCs w:val="21"/>
        </w:rPr>
        <w:t>- if you provide the python obj then orm will convert the obj to the ro</w:t>
      </w:r>
      <w:r w:rsidR="00236E23">
        <w:rPr>
          <w:rFonts w:ascii="Verdana" w:eastAsia="Times New Roman" w:hAnsi="Verdana" w:cs="Times New Roman"/>
          <w:color w:val="000000"/>
          <w:sz w:val="21"/>
          <w:szCs w:val="21"/>
        </w:rPr>
        <w:t>w</w:t>
      </w:r>
    </w:p>
    <w:p w14:paraId="0F839345"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
    <w:p w14:paraId="45B577E9"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3.</w:t>
      </w:r>
    </w:p>
    <w:p w14:paraId="5DC6082C"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gt; Read all employees</w:t>
      </w:r>
    </w:p>
    <w:p w14:paraId="11347AB8"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lastRenderedPageBreak/>
        <w:t>emp tabl has 50 columns.</w:t>
      </w:r>
    </w:p>
    <w:p w14:paraId="2554AC8D"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and there are 100 rows.</w:t>
      </w:r>
    </w:p>
    <w:p w14:paraId="3C6C708B"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
    <w:p w14:paraId="27265DBD"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ORM:</w:t>
      </w:r>
    </w:p>
    <w:p w14:paraId="05E6DBF4"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Orm will convert every row to the object.[keep column info in the object]</w:t>
      </w:r>
    </w:p>
    <w:p w14:paraId="2CC9D327" w14:textId="0490CD47" w:rsid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and every object is stored inside the list.[keep every row inside the list]</w:t>
      </w:r>
    </w:p>
    <w:p w14:paraId="5A27B2CC" w14:textId="77777777" w:rsidR="001E260F" w:rsidRPr="002361B3" w:rsidRDefault="001E260F" w:rsidP="00BB008A">
      <w:pPr>
        <w:spacing w:after="144" w:line="360" w:lineRule="atLeast"/>
        <w:ind w:right="48"/>
        <w:jc w:val="both"/>
        <w:rPr>
          <w:rFonts w:ascii="Verdana" w:eastAsia="Times New Roman" w:hAnsi="Verdana" w:cs="Times New Roman"/>
          <w:color w:val="000000"/>
          <w:sz w:val="21"/>
          <w:szCs w:val="21"/>
        </w:rPr>
      </w:pPr>
    </w:p>
    <w:p w14:paraId="706FAAE1"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Multilingual Support</w:t>
      </w:r>
      <w:r w:rsidRPr="002361B3">
        <w:rPr>
          <w:rFonts w:ascii="Verdana" w:eastAsia="Times New Roman" w:hAnsi="Verdana" w:cs="Times New Roman"/>
          <w:color w:val="000000"/>
          <w:sz w:val="21"/>
          <w:szCs w:val="21"/>
        </w:rPr>
        <w:t> − Django supports multilingual websites through its built-in internationalization system. So you can develop your website, which would support multiple languages.</w:t>
      </w:r>
    </w:p>
    <w:p w14:paraId="06FB7B25"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Framework Support</w:t>
      </w:r>
      <w:r w:rsidRPr="002361B3">
        <w:rPr>
          <w:rFonts w:ascii="Verdana" w:eastAsia="Times New Roman" w:hAnsi="Verdana" w:cs="Times New Roman"/>
          <w:color w:val="000000"/>
          <w:sz w:val="21"/>
          <w:szCs w:val="21"/>
        </w:rPr>
        <w:t> − Django has built-in support for Ajax, RSS, Caching and various other frameworks.</w:t>
      </w:r>
    </w:p>
    <w:p w14:paraId="78AFE23A"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Administration GUI</w:t>
      </w:r>
      <w:r w:rsidRPr="002361B3">
        <w:rPr>
          <w:rFonts w:ascii="Verdana" w:eastAsia="Times New Roman" w:hAnsi="Verdana" w:cs="Times New Roman"/>
          <w:color w:val="000000"/>
          <w:sz w:val="21"/>
          <w:szCs w:val="21"/>
        </w:rPr>
        <w:t> − Django provides a nice ready-to-use user interface for administrative activities.</w:t>
      </w:r>
    </w:p>
    <w:p w14:paraId="0E86B639"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Development Environment</w:t>
      </w:r>
      <w:r w:rsidRPr="002361B3">
        <w:rPr>
          <w:rFonts w:ascii="Verdana" w:eastAsia="Times New Roman" w:hAnsi="Verdana" w:cs="Times New Roman"/>
          <w:color w:val="000000"/>
          <w:sz w:val="21"/>
          <w:szCs w:val="21"/>
        </w:rPr>
        <w:t> − Django comes with a lightweight web server to facilitate end-to-end application development and testing.</w:t>
      </w:r>
    </w:p>
    <w:p w14:paraId="116D80BB" w14:textId="28750F27" w:rsidR="002361B3" w:rsidRDefault="002361B3" w:rsidP="00C02C54"/>
    <w:p w14:paraId="05DB3B8E" w14:textId="0C8D94E3" w:rsidR="001E41A2" w:rsidRDefault="001E41A2" w:rsidP="00C02C54"/>
    <w:p w14:paraId="0010082E" w14:textId="77777777" w:rsidR="006F4238" w:rsidRPr="006F4238" w:rsidRDefault="006F4238" w:rsidP="006F4238">
      <w:pPr>
        <w:rPr>
          <w:b/>
          <w:bCs/>
        </w:rPr>
      </w:pPr>
      <w:r w:rsidRPr="006F4238">
        <w:rPr>
          <w:b/>
          <w:bCs/>
        </w:rPr>
        <w:t>Goal to develop web application:</w:t>
      </w:r>
    </w:p>
    <w:p w14:paraId="0216782C" w14:textId="093F19B1" w:rsidR="006F4238" w:rsidRDefault="006F4238" w:rsidP="006F4238">
      <w:r w:rsidRPr="006F4238">
        <w:rPr>
          <w:b/>
          <w:bCs/>
        </w:rPr>
        <w:t xml:space="preserve"> </w:t>
      </w:r>
    </w:p>
    <w:p w14:paraId="330CF0F3" w14:textId="77777777" w:rsidR="006F4238" w:rsidRPr="006F4238" w:rsidRDefault="006F4238" w:rsidP="006F4238">
      <w:pPr>
        <w:rPr>
          <w:b/>
          <w:bCs/>
        </w:rPr>
      </w:pPr>
      <w:r w:rsidRPr="006F4238">
        <w:rPr>
          <w:b/>
          <w:bCs/>
        </w:rPr>
        <w:t>Front End:</w:t>
      </w:r>
    </w:p>
    <w:p w14:paraId="12846DEB" w14:textId="77777777" w:rsidR="006F4238" w:rsidRDefault="006F4238" w:rsidP="006F4238">
      <w:r>
        <w:t>- HTML , CSS , Java script , angular js , node js.</w:t>
      </w:r>
    </w:p>
    <w:p w14:paraId="7D799740" w14:textId="77777777" w:rsidR="006F4238" w:rsidRDefault="006F4238" w:rsidP="006F4238"/>
    <w:p w14:paraId="3CAC6C02" w14:textId="77777777" w:rsidR="006F4238" w:rsidRPr="006F4238" w:rsidRDefault="006F4238" w:rsidP="006F4238">
      <w:pPr>
        <w:rPr>
          <w:b/>
          <w:bCs/>
        </w:rPr>
      </w:pPr>
      <w:r w:rsidRPr="006F4238">
        <w:rPr>
          <w:b/>
          <w:bCs/>
        </w:rPr>
        <w:t>BackEnd:</w:t>
      </w:r>
    </w:p>
    <w:p w14:paraId="3DB86903" w14:textId="77777777" w:rsidR="006F4238" w:rsidRDefault="006F4238" w:rsidP="006F4238">
      <w:r>
        <w:t>- Python</w:t>
      </w:r>
    </w:p>
    <w:p w14:paraId="66A15B39" w14:textId="77777777" w:rsidR="006F4238" w:rsidRDefault="006F4238" w:rsidP="006F4238">
      <w:r>
        <w:t>- Django [web handling , ORM , etc....]</w:t>
      </w:r>
    </w:p>
    <w:p w14:paraId="57359051" w14:textId="77777777" w:rsidR="006F4238" w:rsidRDefault="006F4238" w:rsidP="006F4238">
      <w:r>
        <w:t>- Data base .ex: oracle, sql server, etc..</w:t>
      </w:r>
    </w:p>
    <w:p w14:paraId="3CEE61DF" w14:textId="77777777" w:rsidR="006F4238" w:rsidRDefault="006F4238" w:rsidP="006F4238">
      <w:r>
        <w:t xml:space="preserve">- Web services </w:t>
      </w:r>
    </w:p>
    <w:p w14:paraId="202D77D0" w14:textId="77777777" w:rsidR="006F4238" w:rsidRDefault="006F4238" w:rsidP="006F4238"/>
    <w:p w14:paraId="0B5A2B33" w14:textId="77777777" w:rsidR="006F4238" w:rsidRDefault="006F4238" w:rsidP="006F4238"/>
    <w:p w14:paraId="2E957067" w14:textId="77777777" w:rsidR="006F4238" w:rsidRDefault="006F4238" w:rsidP="00C02C54"/>
    <w:p w14:paraId="7E8884E3" w14:textId="35777654" w:rsidR="00BC3A76" w:rsidRDefault="00BC3A76" w:rsidP="00A5307E">
      <w:pPr>
        <w:pStyle w:val="Heading1"/>
      </w:pPr>
      <w:bookmarkStart w:id="3" w:name="_Toc29831921"/>
      <w:r>
        <w:t>DJANGO MVC - MVT Pattern</w:t>
      </w:r>
      <w:bookmarkEnd w:id="3"/>
    </w:p>
    <w:p w14:paraId="484B04ED" w14:textId="77777777" w:rsidR="004C500F" w:rsidRDefault="004C500F" w:rsidP="004C500F">
      <w:r>
        <w:t>Django uses the MVT pattern.</w:t>
      </w:r>
    </w:p>
    <w:p w14:paraId="0108E25A" w14:textId="77777777" w:rsidR="004C500F" w:rsidRDefault="004C500F" w:rsidP="004C500F">
      <w:r>
        <w:t xml:space="preserve">MVT :The Model-View-Template </w:t>
      </w:r>
    </w:p>
    <w:p w14:paraId="4CE03989" w14:textId="77777777" w:rsidR="004C500F" w:rsidRDefault="004C500F" w:rsidP="004C500F"/>
    <w:p w14:paraId="510C285E" w14:textId="1D54564A" w:rsidR="004C500F" w:rsidRDefault="004C500F" w:rsidP="004C500F">
      <w:r>
        <w:t xml:space="preserve">Template : Produces the response to the customer ex: html </w:t>
      </w:r>
      <w:r w:rsidR="00B11318">
        <w:t xml:space="preserve"> + </w:t>
      </w:r>
      <w:r w:rsidR="00B11318" w:rsidRPr="001A1005">
        <w:t>Django Template Language (DTL).</w:t>
      </w:r>
    </w:p>
    <w:p w14:paraId="5A757D28" w14:textId="77777777" w:rsidR="004C500F" w:rsidRDefault="004C500F" w:rsidP="004C500F">
      <w:r>
        <w:t>Model : service code or business or DB modeling</w:t>
      </w:r>
    </w:p>
    <w:p w14:paraId="43034CDB" w14:textId="456315F9" w:rsidR="004C500F" w:rsidRDefault="004C500F" w:rsidP="004C500F">
      <w:r>
        <w:t>View: Web handling code [ request capturing + request deligation + redirecting to the templates ]</w:t>
      </w:r>
    </w:p>
    <w:p w14:paraId="054ED989" w14:textId="77777777" w:rsidR="004C500F" w:rsidRPr="004C500F" w:rsidRDefault="004C500F" w:rsidP="004C500F"/>
    <w:p w14:paraId="768BAB9E" w14:textId="3768DD0C" w:rsidR="00BC3A76" w:rsidRDefault="00BC3A76" w:rsidP="00BC3A76">
      <w:pPr>
        <w:ind w:firstLine="720"/>
        <w:rPr>
          <w:rFonts w:ascii="Verdana" w:hAnsi="Verdana"/>
          <w:color w:val="000000"/>
          <w:sz w:val="23"/>
          <w:szCs w:val="23"/>
          <w:shd w:val="clear" w:color="auto" w:fill="FFFFFF"/>
        </w:rPr>
      </w:pPr>
      <w:r>
        <w:rPr>
          <w:rFonts w:ascii="Verdana" w:hAnsi="Verdana"/>
          <w:color w:val="000000"/>
          <w:sz w:val="23"/>
          <w:szCs w:val="23"/>
          <w:shd w:val="clear" w:color="auto" w:fill="FFFFFF"/>
        </w:rPr>
        <w:t>The Model-View-Template (MVT) is slightly different from MVC. In fact the main difference between the two patterns is that Django itself takes care of the Controller part (Software Code that controls the interactions between the Model and View), leaving us with the template. The template is a HTML file mixed with Django Template Language (DTL).</w:t>
      </w:r>
    </w:p>
    <w:p w14:paraId="4CF4DA98" w14:textId="6872CCC3" w:rsidR="00CF4636" w:rsidRDefault="00CF4636" w:rsidP="00BC3A76">
      <w:pPr>
        <w:ind w:firstLine="720"/>
      </w:pPr>
    </w:p>
    <w:p w14:paraId="172642FD" w14:textId="0B6735E8" w:rsidR="00CF4636" w:rsidRDefault="00CF4636" w:rsidP="00BC3A76">
      <w:pPr>
        <w:ind w:firstLine="720"/>
      </w:pPr>
      <w:r>
        <w:rPr>
          <w:noProof/>
        </w:rPr>
        <w:drawing>
          <wp:inline distT="0" distB="0" distL="0" distR="0" wp14:anchorId="3311C1D7" wp14:editId="45524590">
            <wp:extent cx="5715000" cy="2575560"/>
            <wp:effectExtent l="0" t="0" r="0" b="0"/>
            <wp:docPr id="1" name="Picture 1" descr="DJANGO MVC - MVT Patter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JANGO MVC - MVT Pattern"/>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715000" cy="2575560"/>
                    </a:xfrm>
                    <a:prstGeom prst="rect">
                      <a:avLst/>
                    </a:prstGeom>
                    <a:noFill/>
                    <a:ln>
                      <a:noFill/>
                    </a:ln>
                  </pic:spPr>
                </pic:pic>
              </a:graphicData>
            </a:graphic>
          </wp:inline>
        </w:drawing>
      </w:r>
    </w:p>
    <w:p w14:paraId="118BB397" w14:textId="37756513" w:rsidR="004B2091" w:rsidRDefault="004B2091" w:rsidP="00BC3A76">
      <w:pPr>
        <w:ind w:firstLine="720"/>
      </w:pPr>
    </w:p>
    <w:p w14:paraId="7E46C01C" w14:textId="77777777" w:rsidR="00450E3A" w:rsidRPr="00450E3A" w:rsidRDefault="00450E3A" w:rsidP="00450E3A">
      <w:pPr>
        <w:ind w:firstLine="720"/>
        <w:rPr>
          <w:rFonts w:ascii="Verdana" w:hAnsi="Verdana"/>
          <w:color w:val="000000"/>
          <w:sz w:val="23"/>
          <w:szCs w:val="23"/>
          <w:shd w:val="clear" w:color="auto" w:fill="FFFFFF"/>
        </w:rPr>
      </w:pPr>
      <w:r w:rsidRPr="00450E3A">
        <w:rPr>
          <w:rFonts w:ascii="Verdana" w:hAnsi="Verdana"/>
          <w:color w:val="000000"/>
          <w:sz w:val="23"/>
          <w:szCs w:val="23"/>
          <w:shd w:val="clear" w:color="auto" w:fill="FFFFFF"/>
        </w:rPr>
        <w:t xml:space="preserve">The developer provides the Model, the view and the template </w:t>
      </w:r>
    </w:p>
    <w:p w14:paraId="6D2DDA2B" w14:textId="77777777" w:rsidR="00444AAE" w:rsidRDefault="00450E3A" w:rsidP="00450E3A">
      <w:pPr>
        <w:ind w:firstLine="720"/>
        <w:rPr>
          <w:rFonts w:ascii="Verdana" w:hAnsi="Verdana"/>
          <w:color w:val="000000"/>
          <w:sz w:val="23"/>
          <w:szCs w:val="23"/>
          <w:shd w:val="clear" w:color="auto" w:fill="FFFFFF"/>
        </w:rPr>
      </w:pPr>
      <w:r w:rsidRPr="00450E3A">
        <w:rPr>
          <w:rFonts w:ascii="Verdana" w:hAnsi="Verdana"/>
          <w:color w:val="000000"/>
          <w:sz w:val="23"/>
          <w:szCs w:val="23"/>
          <w:shd w:val="clear" w:color="auto" w:fill="FFFFFF"/>
        </w:rPr>
        <w:t>then just maps it to a URL and Django takes care of serving the request.</w:t>
      </w:r>
    </w:p>
    <w:p w14:paraId="0BEC334D" w14:textId="77777777" w:rsidR="00444AAE" w:rsidRDefault="00444AAE" w:rsidP="00450E3A">
      <w:pPr>
        <w:ind w:firstLine="720"/>
        <w:rPr>
          <w:rFonts w:ascii="Verdana" w:hAnsi="Verdana"/>
          <w:color w:val="000000"/>
          <w:sz w:val="23"/>
          <w:szCs w:val="23"/>
          <w:shd w:val="clear" w:color="auto" w:fill="FFFFFF"/>
        </w:rPr>
      </w:pPr>
    </w:p>
    <w:p w14:paraId="57D54E2B" w14:textId="13179CEF" w:rsidR="00DB5EF2" w:rsidRDefault="00ED542F" w:rsidP="00450E3A">
      <w:pPr>
        <w:ind w:firstLine="720"/>
      </w:pPr>
      <w:r>
        <w:t>Django = Controller</w:t>
      </w:r>
    </w:p>
    <w:p w14:paraId="080EA8C2" w14:textId="77777777" w:rsidR="00ED542F" w:rsidRDefault="00ED542F" w:rsidP="00ED542F">
      <w:pPr>
        <w:ind w:firstLine="720"/>
      </w:pPr>
      <w:r>
        <w:t>MVT:</w:t>
      </w:r>
    </w:p>
    <w:p w14:paraId="356CC9FB" w14:textId="77777777" w:rsidR="00ED542F" w:rsidRDefault="00ED542F" w:rsidP="00ED542F">
      <w:pPr>
        <w:ind w:firstLine="720"/>
      </w:pPr>
      <w:r>
        <w:t>Template is mixed with Django Template language and HTML</w:t>
      </w:r>
    </w:p>
    <w:p w14:paraId="72333373" w14:textId="3149B3FF" w:rsidR="00DB5EF2" w:rsidRDefault="00DB5EF2" w:rsidP="00BC3A76">
      <w:pPr>
        <w:ind w:firstLine="720"/>
      </w:pPr>
    </w:p>
    <w:p w14:paraId="738B02CB" w14:textId="36F718B0" w:rsidR="00DB5EF2" w:rsidRDefault="00DB5EF2" w:rsidP="00BC3A76">
      <w:pPr>
        <w:ind w:firstLine="720"/>
      </w:pPr>
    </w:p>
    <w:p w14:paraId="407AE3FD" w14:textId="458948C3" w:rsidR="00DB5EF2" w:rsidRDefault="00DB5EF2" w:rsidP="00BC3A76">
      <w:pPr>
        <w:ind w:firstLine="720"/>
      </w:pPr>
    </w:p>
    <w:p w14:paraId="3EB9313D" w14:textId="61A2C72D" w:rsidR="00DB5EF2" w:rsidRDefault="00DB5EF2" w:rsidP="00BC3A76">
      <w:pPr>
        <w:ind w:firstLine="720"/>
      </w:pPr>
    </w:p>
    <w:p w14:paraId="3CBFF745" w14:textId="11D8B331" w:rsidR="00DB5EF2" w:rsidRDefault="00DB5EF2" w:rsidP="00BC3A76">
      <w:pPr>
        <w:ind w:firstLine="720"/>
      </w:pPr>
    </w:p>
    <w:p w14:paraId="415F102E" w14:textId="76FC8315" w:rsidR="00215708" w:rsidRDefault="00215708" w:rsidP="00BC3A76">
      <w:pPr>
        <w:ind w:firstLine="720"/>
      </w:pPr>
    </w:p>
    <w:p w14:paraId="503DBCAE" w14:textId="62A30B26" w:rsidR="00215708" w:rsidRDefault="00215708" w:rsidP="00BC3A76">
      <w:pPr>
        <w:ind w:firstLine="720"/>
      </w:pPr>
    </w:p>
    <w:p w14:paraId="23EF9E47" w14:textId="3A97CBBB" w:rsidR="00ED118B" w:rsidRDefault="00ED118B" w:rsidP="00BC3A76">
      <w:pPr>
        <w:ind w:firstLine="720"/>
      </w:pPr>
    </w:p>
    <w:p w14:paraId="6C6F98C7" w14:textId="1044EDF3" w:rsidR="00ED118B" w:rsidRDefault="00ED118B" w:rsidP="00BC3A76">
      <w:pPr>
        <w:ind w:firstLine="720"/>
      </w:pPr>
    </w:p>
    <w:p w14:paraId="3F694D3B" w14:textId="3C823258" w:rsidR="00ED118B" w:rsidRDefault="00ED118B" w:rsidP="00BC3A76">
      <w:pPr>
        <w:ind w:firstLine="720"/>
      </w:pPr>
    </w:p>
    <w:p w14:paraId="69D23B3A" w14:textId="77777777" w:rsidR="00930129" w:rsidRDefault="00930129" w:rsidP="00BC3A76">
      <w:pPr>
        <w:ind w:firstLine="720"/>
      </w:pPr>
    </w:p>
    <w:p w14:paraId="1A181D34" w14:textId="2A251D3F" w:rsidR="00215708" w:rsidRDefault="00215708" w:rsidP="00BC3A76">
      <w:pPr>
        <w:ind w:firstLine="720"/>
      </w:pPr>
    </w:p>
    <w:p w14:paraId="0FE97DB5" w14:textId="4F640BE3" w:rsidR="00A5307E" w:rsidRDefault="00A5307E" w:rsidP="00A5307E">
      <w:pPr>
        <w:pStyle w:val="Heading1"/>
      </w:pPr>
      <w:bookmarkStart w:id="4" w:name="_Toc29831922"/>
      <w:r>
        <w:t>setup</w:t>
      </w:r>
      <w:bookmarkEnd w:id="4"/>
    </w:p>
    <w:p w14:paraId="60CA83C0" w14:textId="03A2998E" w:rsidR="00215708" w:rsidRDefault="00215708" w:rsidP="00215708">
      <w:r>
        <w:t>Check PIP version</w:t>
      </w:r>
    </w:p>
    <w:p w14:paraId="542D4BB8" w14:textId="732C456B" w:rsidR="00215708" w:rsidRPr="007F12E8" w:rsidRDefault="00215708" w:rsidP="00215708">
      <w:pPr>
        <w:ind w:firstLine="720"/>
        <w:rPr>
          <w:b/>
        </w:rPr>
      </w:pPr>
      <w:r w:rsidRPr="007F12E8">
        <w:rPr>
          <w:b/>
        </w:rPr>
        <w:t>pip –</w:t>
      </w:r>
      <w:r w:rsidR="00252E61">
        <w:rPr>
          <w:b/>
        </w:rPr>
        <w:t>-</w:t>
      </w:r>
      <w:r w:rsidRPr="007F12E8">
        <w:rPr>
          <w:b/>
        </w:rPr>
        <w:t>version</w:t>
      </w:r>
    </w:p>
    <w:p w14:paraId="68BEAC0E" w14:textId="77777777" w:rsidR="00215708" w:rsidRDefault="00215708" w:rsidP="00215708">
      <w:pPr>
        <w:rPr>
          <w:b/>
        </w:rPr>
      </w:pPr>
    </w:p>
    <w:p w14:paraId="75DB8999" w14:textId="77777777" w:rsidR="00215708" w:rsidRPr="0056035F" w:rsidRDefault="00215708" w:rsidP="00215708">
      <w:pPr>
        <w:rPr>
          <w:b/>
        </w:rPr>
      </w:pPr>
      <w:r w:rsidRPr="0056035F">
        <w:rPr>
          <w:b/>
        </w:rPr>
        <w:t>Upgrading pip</w:t>
      </w:r>
    </w:p>
    <w:p w14:paraId="023A9DBC" w14:textId="77777777" w:rsidR="00215708" w:rsidRDefault="00215708" w:rsidP="00215708">
      <w:r>
        <w:t xml:space="preserve">    C:\Users\i335484&gt;py -m pip install -U pip</w:t>
      </w:r>
    </w:p>
    <w:p w14:paraId="1DC1DF2F" w14:textId="77777777" w:rsidR="00215708" w:rsidRDefault="00215708" w:rsidP="00215708"/>
    <w:p w14:paraId="319BD629" w14:textId="5DF1F663" w:rsidR="00215708" w:rsidRDefault="00215708" w:rsidP="00215708">
      <w:r>
        <w:t>check Django version</w:t>
      </w:r>
    </w:p>
    <w:p w14:paraId="26861F57" w14:textId="2C554408" w:rsidR="00183E8C" w:rsidRPr="00183E8C" w:rsidRDefault="00183E8C" w:rsidP="00215708">
      <w:pPr>
        <w:rPr>
          <w:b/>
          <w:bCs/>
        </w:rPr>
      </w:pPr>
      <w:r w:rsidRPr="00183E8C">
        <w:rPr>
          <w:b/>
          <w:bCs/>
        </w:rPr>
        <w:t>python -m django --version</w:t>
      </w:r>
    </w:p>
    <w:p w14:paraId="6FBBDE52" w14:textId="77777777" w:rsidR="00DC118F" w:rsidRPr="007C5E04" w:rsidRDefault="00DC118F" w:rsidP="00DC118F">
      <w:pPr>
        <w:rPr>
          <w:b/>
          <w:bCs/>
        </w:rPr>
      </w:pPr>
      <w:r w:rsidRPr="007C5E04">
        <w:rPr>
          <w:b/>
          <w:bCs/>
        </w:rPr>
        <w:t>django-admin –-version</w:t>
      </w:r>
    </w:p>
    <w:p w14:paraId="694DD5CF" w14:textId="77777777" w:rsidR="00215708" w:rsidRDefault="00215708" w:rsidP="00215708"/>
    <w:p w14:paraId="6A104F8C" w14:textId="77777777" w:rsidR="00215708" w:rsidRPr="0056035F" w:rsidRDefault="00215708" w:rsidP="00215708">
      <w:pPr>
        <w:rPr>
          <w:b/>
        </w:rPr>
      </w:pPr>
      <w:r w:rsidRPr="0056035F">
        <w:rPr>
          <w:b/>
        </w:rPr>
        <w:t>Pip command location:</w:t>
      </w:r>
    </w:p>
    <w:p w14:paraId="0EC8968A" w14:textId="77777777" w:rsidR="00215708" w:rsidRDefault="00215708" w:rsidP="00215708">
      <w:r w:rsidRPr="00AB6844">
        <w:t>C:\Users\i335484\AppData\Local\Programs\Python\Python37-32\Scripts</w:t>
      </w:r>
    </w:p>
    <w:p w14:paraId="4043D618" w14:textId="77777777" w:rsidR="00215708" w:rsidRDefault="00215708" w:rsidP="00215708"/>
    <w:p w14:paraId="057925C6" w14:textId="77777777" w:rsidR="00215708" w:rsidRDefault="00215708" w:rsidP="00215708"/>
    <w:p w14:paraId="13AAC23F" w14:textId="77777777" w:rsidR="00215708" w:rsidRDefault="00215708" w:rsidP="00215708">
      <w:pPr>
        <w:rPr>
          <w:b/>
        </w:rPr>
      </w:pPr>
      <w:r w:rsidRPr="00B251E6">
        <w:rPr>
          <w:b/>
        </w:rPr>
        <w:t>Virtual env:</w:t>
      </w:r>
    </w:p>
    <w:p w14:paraId="18EAAFE6" w14:textId="77777777" w:rsidR="00215708" w:rsidRPr="00B251E6" w:rsidRDefault="00215708" w:rsidP="00215708">
      <w:r>
        <w:t>Separate for every project.</w:t>
      </w:r>
    </w:p>
    <w:p w14:paraId="7E6AC931" w14:textId="77777777" w:rsidR="00215708" w:rsidRPr="003C077D" w:rsidRDefault="00215708" w:rsidP="00215708">
      <w:pPr>
        <w:rPr>
          <w:b/>
        </w:rPr>
      </w:pPr>
      <w:r w:rsidRPr="003C077D">
        <w:rPr>
          <w:b/>
        </w:rPr>
        <w:t>pip install virtualenvwrapper-win</w:t>
      </w:r>
    </w:p>
    <w:p w14:paraId="61B5574F" w14:textId="77777777" w:rsidR="00215708" w:rsidRDefault="00215708" w:rsidP="00215708">
      <w:r>
        <w:t>installs the virtual environment.</w:t>
      </w:r>
    </w:p>
    <w:p w14:paraId="04E34AF1" w14:textId="77777777" w:rsidR="00215708" w:rsidRDefault="00215708" w:rsidP="00215708"/>
    <w:p w14:paraId="1EBEBFD7" w14:textId="77777777" w:rsidR="00215708" w:rsidRPr="008D6A4D" w:rsidRDefault="00215708" w:rsidP="00215708">
      <w:pPr>
        <w:rPr>
          <w:b/>
        </w:rPr>
      </w:pPr>
      <w:r w:rsidRPr="008D6A4D">
        <w:rPr>
          <w:b/>
        </w:rPr>
        <w:t>Create virtual env:</w:t>
      </w:r>
    </w:p>
    <w:p w14:paraId="16D26F1A" w14:textId="77777777" w:rsidR="00215708" w:rsidRDefault="00215708" w:rsidP="00215708">
      <w:r>
        <w:t>mkvirtualenv mytest</w:t>
      </w:r>
    </w:p>
    <w:p w14:paraId="21FD03AD" w14:textId="77777777" w:rsidR="00215708" w:rsidRDefault="00215708" w:rsidP="00215708"/>
    <w:p w14:paraId="0282C56A" w14:textId="77777777" w:rsidR="00215708" w:rsidRDefault="00215708" w:rsidP="00215708"/>
    <w:p w14:paraId="6DDC2482" w14:textId="77777777" w:rsidR="00215708" w:rsidRDefault="00215708" w:rsidP="00215708"/>
    <w:p w14:paraId="3171877D" w14:textId="77777777" w:rsidR="00215708" w:rsidRDefault="00215708" w:rsidP="00215708"/>
    <w:p w14:paraId="6B67A558" w14:textId="77777777" w:rsidR="00215708" w:rsidRDefault="00215708" w:rsidP="00215708"/>
    <w:p w14:paraId="023F0022" w14:textId="77777777" w:rsidR="00215708" w:rsidRDefault="00215708" w:rsidP="00215708"/>
    <w:p w14:paraId="45F4BFD7" w14:textId="77777777" w:rsidR="00215708" w:rsidRDefault="00215708" w:rsidP="00215708"/>
    <w:p w14:paraId="59706A61" w14:textId="77777777" w:rsidR="00215708" w:rsidRDefault="00215708" w:rsidP="00215708"/>
    <w:p w14:paraId="48AE02D3" w14:textId="77777777" w:rsidR="00215708" w:rsidRDefault="00215708" w:rsidP="00215708"/>
    <w:p w14:paraId="56AF2E98" w14:textId="5169AB5C" w:rsidR="00215708" w:rsidRPr="00317217" w:rsidRDefault="00215708" w:rsidP="00215708">
      <w:pPr>
        <w:rPr>
          <w:b/>
        </w:rPr>
      </w:pPr>
      <w:r w:rsidRPr="00317217">
        <w:rPr>
          <w:b/>
        </w:rPr>
        <w:t xml:space="preserve">Install </w:t>
      </w:r>
      <w:r w:rsidR="008F2E77" w:rsidRPr="00317217">
        <w:rPr>
          <w:b/>
        </w:rPr>
        <w:t>Django</w:t>
      </w:r>
    </w:p>
    <w:p w14:paraId="199B642C" w14:textId="77777777" w:rsidR="00215708" w:rsidRPr="00710E63" w:rsidRDefault="00215708" w:rsidP="00215708">
      <w:r w:rsidRPr="00710E63">
        <w:t>pip install Django</w:t>
      </w:r>
    </w:p>
    <w:p w14:paraId="795EB57C" w14:textId="77777777" w:rsidR="00215708" w:rsidRPr="00196DCC" w:rsidRDefault="00215708" w:rsidP="00215708">
      <w:pPr>
        <w:rPr>
          <w:b/>
        </w:rPr>
      </w:pPr>
      <w:r>
        <w:rPr>
          <w:b/>
        </w:rPr>
        <w:t>OR</w:t>
      </w:r>
    </w:p>
    <w:p w14:paraId="41655D84" w14:textId="77777777" w:rsidR="00215708" w:rsidRPr="00196DCC" w:rsidRDefault="00215708" w:rsidP="00215708">
      <w:pPr>
        <w:pBdr>
          <w:top w:val="single" w:sz="6" w:space="8" w:color="EAEAEA"/>
          <w:left w:val="single" w:sz="6" w:space="15" w:color="EAEAEA"/>
          <w:bottom w:val="single" w:sz="6" w:space="8" w:color="EAEAEA"/>
          <w:right w:val="single" w:sz="6" w:space="15" w:color="EAEAEA"/>
        </w:pBdr>
        <w:shd w:val="clear" w:color="auto" w:fill="F8F8F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375" w:after="375" w:line="240" w:lineRule="auto"/>
        <w:rPr>
          <w:rFonts w:ascii="Consolas" w:eastAsia="Times New Roman" w:hAnsi="Consolas" w:cs="Courier New"/>
          <w:color w:val="0C4B33"/>
          <w:sz w:val="20"/>
          <w:szCs w:val="20"/>
        </w:rPr>
      </w:pPr>
      <w:r w:rsidRPr="00196DCC">
        <w:rPr>
          <w:rFonts w:ascii="Consolas" w:eastAsia="Times New Roman" w:hAnsi="Consolas" w:cs="Courier New"/>
          <w:color w:val="0C4B33"/>
          <w:sz w:val="20"/>
          <w:szCs w:val="20"/>
        </w:rPr>
        <w:t>pip install Django==2.2.3</w:t>
      </w:r>
    </w:p>
    <w:p w14:paraId="68C17A60" w14:textId="77777777" w:rsidR="00215708" w:rsidRPr="000A3C46" w:rsidRDefault="00215708" w:rsidP="00215708">
      <w:pPr>
        <w:rPr>
          <w:b/>
        </w:rPr>
      </w:pPr>
      <w:r w:rsidRPr="000A3C46">
        <w:rPr>
          <w:b/>
        </w:rPr>
        <w:t>Result:</w:t>
      </w:r>
    </w:p>
    <w:p w14:paraId="6180A484" w14:textId="77777777" w:rsidR="00215708" w:rsidRDefault="00215708" w:rsidP="00215708">
      <w:r>
        <w:t xml:space="preserve">Refer </w:t>
      </w:r>
      <w:r w:rsidRPr="000A3C46">
        <w:t>C:\Users\i335484\AppData\Local\Programs\Python\Python37-32\Lib\site-packages</w:t>
      </w:r>
    </w:p>
    <w:p w14:paraId="1F344E85" w14:textId="77777777" w:rsidR="00215708" w:rsidRDefault="00215708" w:rsidP="00215708"/>
    <w:p w14:paraId="34B513BE" w14:textId="77777777" w:rsidR="00215708" w:rsidRPr="006F465D" w:rsidRDefault="00215708" w:rsidP="00215708">
      <w:pPr>
        <w:rPr>
          <w:b/>
        </w:rPr>
      </w:pPr>
      <w:r w:rsidRPr="006F465D">
        <w:rPr>
          <w:b/>
        </w:rPr>
        <w:t>check Django version</w:t>
      </w:r>
    </w:p>
    <w:p w14:paraId="21C3282E" w14:textId="77777777" w:rsidR="00215708" w:rsidRPr="006F465D" w:rsidRDefault="00215708" w:rsidP="00215708">
      <w:r w:rsidRPr="006F465D">
        <w:t>django-admin –</w:t>
      </w:r>
      <w:r>
        <w:t>-</w:t>
      </w:r>
      <w:r w:rsidRPr="006F465D">
        <w:t>version</w:t>
      </w:r>
    </w:p>
    <w:p w14:paraId="56E9437A" w14:textId="77777777" w:rsidR="00215708" w:rsidRDefault="00215708" w:rsidP="00215708"/>
    <w:p w14:paraId="4DCE8632" w14:textId="77777777" w:rsidR="00215708" w:rsidRPr="006772F2" w:rsidRDefault="00215708" w:rsidP="00215708">
      <w:pPr>
        <w:rPr>
          <w:b/>
        </w:rPr>
      </w:pPr>
      <w:r w:rsidRPr="006772F2">
        <w:rPr>
          <w:b/>
        </w:rPr>
        <w:t>Env changes</w:t>
      </w:r>
    </w:p>
    <w:p w14:paraId="06FF1511" w14:textId="77777777" w:rsidR="00215708" w:rsidRDefault="00215708" w:rsidP="00215708">
      <w:r>
        <w:t xml:space="preserve">Add </w:t>
      </w:r>
      <w:r w:rsidRPr="006772F2">
        <w:t>C:\Users\i335484\AppData\Local\Programs\Python\Python37-32\Lib\site-packages\django\bin</w:t>
      </w:r>
      <w:r>
        <w:t xml:space="preserve">  to env path variable</w:t>
      </w:r>
    </w:p>
    <w:p w14:paraId="02D7EC0B" w14:textId="77777777" w:rsidR="00215708" w:rsidRDefault="00215708" w:rsidP="00215708"/>
    <w:p w14:paraId="308724AF" w14:textId="77777777" w:rsidR="00215708" w:rsidRDefault="00215708" w:rsidP="00215708"/>
    <w:p w14:paraId="4B971A61" w14:textId="77777777" w:rsidR="00215708" w:rsidRDefault="00215708" w:rsidP="00215708"/>
    <w:p w14:paraId="7EDBCCAF" w14:textId="77777777" w:rsidR="00215708" w:rsidRDefault="00215708" w:rsidP="00215708"/>
    <w:p w14:paraId="5148406C" w14:textId="77777777" w:rsidR="00215708" w:rsidRDefault="00215708" w:rsidP="00215708"/>
    <w:p w14:paraId="5BDC49F9" w14:textId="77777777" w:rsidR="00215708" w:rsidRDefault="00215708" w:rsidP="00215708"/>
    <w:p w14:paraId="2D0EAE06" w14:textId="77777777" w:rsidR="00215708" w:rsidRDefault="00215708" w:rsidP="00215708"/>
    <w:p w14:paraId="2736EA7B" w14:textId="0CC6C071" w:rsidR="00215708" w:rsidRDefault="00215708" w:rsidP="00215708"/>
    <w:p w14:paraId="3FD155A4" w14:textId="5CCF3CF5" w:rsidR="00215708" w:rsidRDefault="00215708" w:rsidP="00215708"/>
    <w:p w14:paraId="15626EAE" w14:textId="7C3CBD5C" w:rsidR="00215708" w:rsidRDefault="00215708" w:rsidP="00215708"/>
    <w:p w14:paraId="41395C72" w14:textId="77777777" w:rsidR="00215708" w:rsidRDefault="00215708" w:rsidP="00215708"/>
    <w:p w14:paraId="00CE4369" w14:textId="77777777" w:rsidR="00215708" w:rsidRDefault="00215708" w:rsidP="00215708"/>
    <w:p w14:paraId="03FCB4A4" w14:textId="77777777" w:rsidR="00215708" w:rsidRDefault="00215708" w:rsidP="00215708"/>
    <w:p w14:paraId="10AAB27A" w14:textId="77777777" w:rsidR="00215708" w:rsidRDefault="00215708" w:rsidP="00215708"/>
    <w:p w14:paraId="7F8DA873" w14:textId="394C1A83" w:rsidR="00215708" w:rsidRDefault="00305B99" w:rsidP="00305B99">
      <w:pPr>
        <w:pStyle w:val="Heading1"/>
      </w:pPr>
      <w:bookmarkStart w:id="5" w:name="_Toc29831923"/>
      <w:r>
        <w:t>STEPS</w:t>
      </w:r>
      <w:bookmarkEnd w:id="5"/>
    </w:p>
    <w:p w14:paraId="0865314E" w14:textId="77777777" w:rsidR="00215708" w:rsidRDefault="00215708" w:rsidP="00215708"/>
    <w:p w14:paraId="2D2137A2" w14:textId="77777777" w:rsidR="00215708" w:rsidRDefault="00215708" w:rsidP="00215708">
      <w:r>
        <w:t>EX:</w:t>
      </w:r>
    </w:p>
    <w:p w14:paraId="6E601875" w14:textId="77777777" w:rsidR="00215708" w:rsidRDefault="00215708" w:rsidP="00215708">
      <w:r>
        <w:t>C:\Users\i335484&gt;pip --version</w:t>
      </w:r>
    </w:p>
    <w:p w14:paraId="7797308E" w14:textId="77777777" w:rsidR="00215708" w:rsidRDefault="00215708" w:rsidP="00215708">
      <w:r>
        <w:t>C:\Users\i335484&gt;py -m pip install -U pip</w:t>
      </w:r>
    </w:p>
    <w:p w14:paraId="7E2EBD54" w14:textId="77777777" w:rsidR="00215708" w:rsidRDefault="00215708" w:rsidP="00215708">
      <w:r>
        <w:t>C:\Users\i335484&gt;pip --version</w:t>
      </w:r>
    </w:p>
    <w:p w14:paraId="6222488F" w14:textId="77777777" w:rsidR="00215708" w:rsidRDefault="00215708" w:rsidP="00215708">
      <w:r>
        <w:t>pip 19.3.1 from c:\users\i335484\appdata\local\programs\python\python37-32\lib\site-packages\pip (python 3.7)</w:t>
      </w:r>
    </w:p>
    <w:p w14:paraId="58467854" w14:textId="77777777" w:rsidR="00215708" w:rsidRDefault="00215708" w:rsidP="00215708">
      <w:r>
        <w:t>C:\Users\i335484&gt;pip install virtualenvwrapper-win</w:t>
      </w:r>
    </w:p>
    <w:p w14:paraId="22831B50" w14:textId="77777777" w:rsidR="00215708" w:rsidRDefault="00215708" w:rsidP="00215708">
      <w:r w:rsidRPr="000E0DA1">
        <w:t>C:\Users\i335484&gt;mkvirtualenv mytest</w:t>
      </w:r>
    </w:p>
    <w:p w14:paraId="1ABB9C03" w14:textId="77777777" w:rsidR="00215708" w:rsidRDefault="00215708" w:rsidP="00215708">
      <w:r>
        <w:t>(mytest) C:\Users\i335484&gt;</w:t>
      </w:r>
    </w:p>
    <w:p w14:paraId="2A5CF1AA" w14:textId="77777777" w:rsidR="00215708" w:rsidRDefault="00215708" w:rsidP="00215708">
      <w:r>
        <w:lastRenderedPageBreak/>
        <w:t>(mytest) C:\Users\i335484&gt;pip install django</w:t>
      </w:r>
      <w:r w:rsidRPr="00727833">
        <w:t xml:space="preserve"> </w:t>
      </w:r>
      <w:r>
        <w:t>(mytest) C:\Users\i335484&gt;mkdir myprojects</w:t>
      </w:r>
    </w:p>
    <w:p w14:paraId="4AAFC0AD" w14:textId="77777777" w:rsidR="00215708" w:rsidRDefault="00215708" w:rsidP="00215708"/>
    <w:p w14:paraId="537F9659" w14:textId="77777777" w:rsidR="00215708" w:rsidRDefault="00215708" w:rsidP="00215708">
      <w:r>
        <w:t>(mytest) C:\Users\i335484&gt;cd myprojects</w:t>
      </w:r>
    </w:p>
    <w:p w14:paraId="60B7A494" w14:textId="77777777" w:rsidR="00215708" w:rsidRDefault="00215708" w:rsidP="00215708">
      <w:r w:rsidRPr="00D457C5">
        <w:t>(mytest) C:\Users\i335484\myprojects&gt;django-admin startproject myProject</w:t>
      </w:r>
    </w:p>
    <w:p w14:paraId="0031B037" w14:textId="77777777" w:rsidR="00215708" w:rsidRDefault="00215708" w:rsidP="00215708"/>
    <w:p w14:paraId="0D41D76B" w14:textId="77777777" w:rsidR="00215708" w:rsidRDefault="00215708" w:rsidP="00215708"/>
    <w:p w14:paraId="31F1E882" w14:textId="77777777" w:rsidR="00215708" w:rsidRDefault="00215708" w:rsidP="00215708">
      <w:r>
        <w:t>Urls--</w:t>
      </w:r>
      <w:r>
        <w:sym w:font="Wingdings" w:char="F0E0"/>
      </w:r>
      <w:r>
        <w:t xml:space="preserve"> urls</w:t>
      </w:r>
    </w:p>
    <w:p w14:paraId="287193C4" w14:textId="77777777" w:rsidR="00215708" w:rsidRDefault="00215708" w:rsidP="00215708">
      <w:r w:rsidRPr="00312213">
        <w:t>Wsgi</w:t>
      </w:r>
      <w:r>
        <w:t xml:space="preserve"> -&gt; deploymnets</w:t>
      </w:r>
    </w:p>
    <w:p w14:paraId="283E9AE9" w14:textId="77777777" w:rsidR="00215708" w:rsidRDefault="00215708" w:rsidP="00215708"/>
    <w:p w14:paraId="04C9B088" w14:textId="77777777" w:rsidR="00215708" w:rsidRDefault="00215708" w:rsidP="00215708">
      <w:r w:rsidRPr="00001FD2">
        <w:t>(mytest) C:\Users\i335484\myprojects\myProject&gt;python manage.py runserver</w:t>
      </w:r>
    </w:p>
    <w:p w14:paraId="4885FF00" w14:textId="77777777" w:rsidR="00215708" w:rsidRDefault="00215708" w:rsidP="00215708"/>
    <w:p w14:paraId="57947DED" w14:textId="77777777" w:rsidR="00215708" w:rsidRDefault="00215708" w:rsidP="00215708">
      <w:r>
        <w:t>1.Import project to pycharm</w:t>
      </w:r>
    </w:p>
    <w:p w14:paraId="76AFC3DD" w14:textId="77777777" w:rsidR="00215708" w:rsidRDefault="00215708" w:rsidP="00215708">
      <w:r>
        <w:t>2.open the environment</w:t>
      </w:r>
    </w:p>
    <w:p w14:paraId="4FF9DC29" w14:textId="77777777" w:rsidR="00215708" w:rsidRDefault="00215708" w:rsidP="00215708">
      <w:r w:rsidRPr="00494998">
        <w:t>C:\Users\i335484\myprojects\myProject&gt;workon mytest</w:t>
      </w:r>
    </w:p>
    <w:p w14:paraId="3F7FF9DF" w14:textId="77777777" w:rsidR="00215708" w:rsidRDefault="00215708" w:rsidP="00215708">
      <w:r>
        <w:t xml:space="preserve">3.Create app </w:t>
      </w:r>
    </w:p>
    <w:p w14:paraId="2BA1A5D9" w14:textId="77777777" w:rsidR="00215708" w:rsidRDefault="00215708" w:rsidP="00215708">
      <w:r w:rsidRPr="000B391F">
        <w:t>(mytest) C:\Users\i335484\myprojects\myProject&gt;python manage.py startapp login</w:t>
      </w:r>
    </w:p>
    <w:p w14:paraId="73643465" w14:textId="77777777" w:rsidR="00215708" w:rsidRDefault="00215708" w:rsidP="00215708">
      <w:r>
        <w:t>4.add the app name under the settings.py under INSTALLED_APPS section of project.</w:t>
      </w:r>
    </w:p>
    <w:p w14:paraId="663AFA3B" w14:textId="0A269971" w:rsidR="00215708" w:rsidRDefault="00215708" w:rsidP="00215708"/>
    <w:p w14:paraId="05D93CED" w14:textId="7A02FE66" w:rsidR="00426B2A" w:rsidRDefault="00426B2A" w:rsidP="00215708"/>
    <w:p w14:paraId="5FE698FF" w14:textId="2C8857EA" w:rsidR="00426B2A" w:rsidRDefault="00426B2A" w:rsidP="00215708"/>
    <w:p w14:paraId="05A1675B" w14:textId="77777777" w:rsidR="00426B2A" w:rsidRDefault="00426B2A" w:rsidP="00215708"/>
    <w:p w14:paraId="4350834C" w14:textId="77777777" w:rsidR="005A566A" w:rsidRPr="00426B2A" w:rsidRDefault="005A566A" w:rsidP="005A566A">
      <w:pPr>
        <w:rPr>
          <w:b/>
          <w:bCs/>
        </w:rPr>
      </w:pPr>
      <w:r w:rsidRPr="00426B2A">
        <w:rPr>
          <w:b/>
          <w:bCs/>
        </w:rPr>
        <w:t>8.under myProject add the app name ‘login’ for  settings.py:</w:t>
      </w:r>
    </w:p>
    <w:p w14:paraId="02C9DF51" w14:textId="77777777" w:rsidR="005A566A" w:rsidRDefault="005A566A" w:rsidP="005A566A"/>
    <w:p w14:paraId="1588DEB3" w14:textId="77777777" w:rsidR="005A566A" w:rsidRDefault="005A566A" w:rsidP="005A566A">
      <w:r>
        <w:t>INSTALLED_APPS = [</w:t>
      </w:r>
    </w:p>
    <w:p w14:paraId="3ED43C51" w14:textId="77777777" w:rsidR="005A566A" w:rsidRDefault="005A566A" w:rsidP="005A566A">
      <w:r>
        <w:t xml:space="preserve">    'django.contrib.admin',</w:t>
      </w:r>
    </w:p>
    <w:p w14:paraId="6F1ABE3F" w14:textId="77777777" w:rsidR="005A566A" w:rsidRDefault="005A566A" w:rsidP="005A566A">
      <w:r>
        <w:t xml:space="preserve">    'django.contrib.auth',</w:t>
      </w:r>
    </w:p>
    <w:p w14:paraId="70017A62" w14:textId="77777777" w:rsidR="005A566A" w:rsidRDefault="005A566A" w:rsidP="005A566A">
      <w:r>
        <w:t xml:space="preserve">    'django.contrib.contenttypes',</w:t>
      </w:r>
    </w:p>
    <w:p w14:paraId="03C0F96A" w14:textId="77777777" w:rsidR="005A566A" w:rsidRDefault="005A566A" w:rsidP="005A566A">
      <w:r>
        <w:t xml:space="preserve">    'django.contrib.sessions',</w:t>
      </w:r>
    </w:p>
    <w:p w14:paraId="1D2D1C12" w14:textId="77777777" w:rsidR="005A566A" w:rsidRDefault="005A566A" w:rsidP="005A566A">
      <w:r>
        <w:t xml:space="preserve">    'django.contrib.messages',</w:t>
      </w:r>
    </w:p>
    <w:p w14:paraId="669A99BB" w14:textId="77777777" w:rsidR="005A566A" w:rsidRDefault="005A566A" w:rsidP="005A566A">
      <w:r>
        <w:lastRenderedPageBreak/>
        <w:t xml:space="preserve">    'django.contrib.staticfiles',</w:t>
      </w:r>
    </w:p>
    <w:p w14:paraId="540887CE" w14:textId="77777777" w:rsidR="005A566A" w:rsidRDefault="005A566A" w:rsidP="005A566A">
      <w:r>
        <w:t xml:space="preserve">    'login'</w:t>
      </w:r>
    </w:p>
    <w:p w14:paraId="664EC0C0" w14:textId="77777777" w:rsidR="005A566A" w:rsidRDefault="005A566A" w:rsidP="005A566A">
      <w:r>
        <w:t>]</w:t>
      </w:r>
    </w:p>
    <w:p w14:paraId="76457A8F" w14:textId="77777777" w:rsidR="005A566A" w:rsidRDefault="005A566A" w:rsidP="005A566A"/>
    <w:p w14:paraId="627BC6F8" w14:textId="77777777" w:rsidR="005A566A" w:rsidRPr="00426B2A" w:rsidRDefault="005A566A" w:rsidP="005A566A">
      <w:pPr>
        <w:rPr>
          <w:b/>
          <w:bCs/>
        </w:rPr>
      </w:pPr>
      <w:r w:rsidRPr="00426B2A">
        <w:rPr>
          <w:b/>
          <w:bCs/>
        </w:rPr>
        <w:t>9.By default sqllite3 DB is alreday configured for Django.</w:t>
      </w:r>
    </w:p>
    <w:p w14:paraId="418CFE39" w14:textId="77777777" w:rsidR="005A566A" w:rsidRDefault="005A566A" w:rsidP="005A566A">
      <w:r>
        <w:t>Refer:</w:t>
      </w:r>
    </w:p>
    <w:p w14:paraId="59019A49" w14:textId="77777777" w:rsidR="005A566A" w:rsidRDefault="005A566A" w:rsidP="005A566A">
      <w:r>
        <w:t>DATABASES = {</w:t>
      </w:r>
    </w:p>
    <w:p w14:paraId="2D88CA99" w14:textId="77777777" w:rsidR="005A566A" w:rsidRDefault="005A566A" w:rsidP="005A566A">
      <w:r>
        <w:t xml:space="preserve">    'default': {</w:t>
      </w:r>
    </w:p>
    <w:p w14:paraId="73D10E85" w14:textId="77777777" w:rsidR="005A566A" w:rsidRDefault="005A566A" w:rsidP="005A566A">
      <w:r>
        <w:t xml:space="preserve">        'ENGINE': 'django.db.backends.sqlite3',</w:t>
      </w:r>
    </w:p>
    <w:p w14:paraId="3626F456" w14:textId="77777777" w:rsidR="005A566A" w:rsidRDefault="005A566A" w:rsidP="005A566A">
      <w:r>
        <w:t xml:space="preserve">        'NAME': os.path.join(BASE_DIR, 'db.sqlite3'),</w:t>
      </w:r>
    </w:p>
    <w:p w14:paraId="0F785000" w14:textId="77777777" w:rsidR="005A566A" w:rsidRDefault="005A566A" w:rsidP="005A566A">
      <w:r>
        <w:t xml:space="preserve">    }</w:t>
      </w:r>
    </w:p>
    <w:p w14:paraId="15A1D1CA" w14:textId="77777777" w:rsidR="005A566A" w:rsidRDefault="005A566A" w:rsidP="005A566A">
      <w:r>
        <w:t>}</w:t>
      </w:r>
    </w:p>
    <w:p w14:paraId="7BF9F84A" w14:textId="77777777" w:rsidR="005A566A" w:rsidRDefault="005A566A" w:rsidP="005A566A"/>
    <w:p w14:paraId="3FB71AC8" w14:textId="77777777" w:rsidR="005A566A" w:rsidRDefault="005A566A" w:rsidP="005A566A"/>
    <w:p w14:paraId="7FA8DFE4" w14:textId="6E8B33B5" w:rsidR="00215708" w:rsidRDefault="005A566A" w:rsidP="005A566A">
      <w:r>
        <w:t>In future if we want to change the db, we need to chage above entries.</w:t>
      </w:r>
    </w:p>
    <w:p w14:paraId="0CA227BD" w14:textId="7D21563D" w:rsidR="00215708" w:rsidRDefault="00215708" w:rsidP="00215708"/>
    <w:p w14:paraId="312388AE" w14:textId="77777777" w:rsidR="0032024A" w:rsidRPr="0032024A" w:rsidRDefault="0032024A" w:rsidP="0032024A">
      <w:pPr>
        <w:rPr>
          <w:b/>
          <w:bCs/>
        </w:rPr>
      </w:pPr>
      <w:r w:rsidRPr="0032024A">
        <w:rPr>
          <w:b/>
          <w:bCs/>
        </w:rPr>
        <w:t>10.create urls.py file under the login</w:t>
      </w:r>
    </w:p>
    <w:p w14:paraId="2F345266" w14:textId="77777777" w:rsidR="0032024A" w:rsidRDefault="0032024A" w:rsidP="0032024A">
      <w:r>
        <w:t>from django.urls import path</w:t>
      </w:r>
    </w:p>
    <w:p w14:paraId="0549DB5D" w14:textId="77777777" w:rsidR="0032024A" w:rsidRDefault="0032024A" w:rsidP="0032024A">
      <w:r>
        <w:t>from . import views</w:t>
      </w:r>
    </w:p>
    <w:p w14:paraId="7D713D1F" w14:textId="77777777" w:rsidR="0032024A" w:rsidRDefault="0032024A" w:rsidP="0032024A">
      <w:r>
        <w:t>urlpatterns = [</w:t>
      </w:r>
    </w:p>
    <w:p w14:paraId="7C42D342" w14:textId="7609AD02" w:rsidR="0032024A" w:rsidRDefault="0032024A" w:rsidP="0032024A">
      <w:r>
        <w:t>]</w:t>
      </w:r>
    </w:p>
    <w:p w14:paraId="6C3F2697" w14:textId="77777777" w:rsidR="006609CF" w:rsidRDefault="006609CF" w:rsidP="0032024A"/>
    <w:p w14:paraId="73227A9D" w14:textId="1F15591C" w:rsidR="00215708" w:rsidRPr="009070D8" w:rsidRDefault="009070D8" w:rsidP="00215708">
      <w:pPr>
        <w:rPr>
          <w:b/>
          <w:bCs/>
        </w:rPr>
      </w:pPr>
      <w:r w:rsidRPr="009070D8">
        <w:rPr>
          <w:b/>
          <w:bCs/>
        </w:rPr>
        <w:t>11.</w:t>
      </w:r>
      <w:r w:rsidR="00215708" w:rsidRPr="009070D8">
        <w:rPr>
          <w:b/>
          <w:bCs/>
        </w:rPr>
        <w:t>use include for urls.py under myProject</w:t>
      </w:r>
    </w:p>
    <w:p w14:paraId="744B3A0F" w14:textId="77777777" w:rsidR="00C271DD" w:rsidRDefault="00C271DD" w:rsidP="00C271DD">
      <w:r>
        <w:t>11. include the 'login.urls.py' path inside the myproject &gt; urls.py .</w:t>
      </w:r>
    </w:p>
    <w:p w14:paraId="4F79A19B" w14:textId="77777777" w:rsidR="00C271DD" w:rsidRDefault="00C271DD" w:rsidP="00C271DD"/>
    <w:p w14:paraId="0839A7B4" w14:textId="3E4AEC0D" w:rsidR="00C271DD" w:rsidRDefault="00C271DD" w:rsidP="00C271DD">
      <w:r>
        <w:t>urls.py inside the myproject:</w:t>
      </w:r>
    </w:p>
    <w:p w14:paraId="5B4E74A1" w14:textId="1DFA504A" w:rsidR="00237D39" w:rsidRDefault="00237D39" w:rsidP="00C271DD">
      <w:r>
        <w:t>---------------------------------</w:t>
      </w:r>
    </w:p>
    <w:p w14:paraId="7D5512CC" w14:textId="77777777" w:rsidR="00C271DD" w:rsidRDefault="00C271DD" w:rsidP="00C271DD">
      <w:r>
        <w:t>from django.contrib import admin</w:t>
      </w:r>
    </w:p>
    <w:p w14:paraId="43BF0E60" w14:textId="77777777" w:rsidR="00C271DD" w:rsidRDefault="00C271DD" w:rsidP="00C271DD">
      <w:r>
        <w:t>from django.urls import path , include</w:t>
      </w:r>
    </w:p>
    <w:p w14:paraId="139752DE" w14:textId="77777777" w:rsidR="00C271DD" w:rsidRDefault="00C271DD" w:rsidP="00C271DD"/>
    <w:p w14:paraId="2F52C7E5" w14:textId="77777777" w:rsidR="00C271DD" w:rsidRDefault="00C271DD" w:rsidP="00C271DD">
      <w:r>
        <w:t>urlpatterns = [</w:t>
      </w:r>
    </w:p>
    <w:p w14:paraId="15CB6D57" w14:textId="77777777" w:rsidR="00C271DD" w:rsidRDefault="00C271DD" w:rsidP="00C271DD">
      <w:r>
        <w:t xml:space="preserve">    path('admin/', admin.site.urls),</w:t>
      </w:r>
    </w:p>
    <w:p w14:paraId="382E7195" w14:textId="77777777" w:rsidR="00C271DD" w:rsidRDefault="00C271DD" w:rsidP="00C271DD">
      <w:r>
        <w:t xml:space="preserve">    path('login/', include('login.urls'))</w:t>
      </w:r>
    </w:p>
    <w:p w14:paraId="54F7BAAE" w14:textId="5833EA08" w:rsidR="0026189B" w:rsidRDefault="00C271DD" w:rsidP="00C271DD">
      <w:r>
        <w:t xml:space="preserve">     ]</w:t>
      </w:r>
    </w:p>
    <w:p w14:paraId="5AA61A82" w14:textId="3153D2C1" w:rsidR="00576701" w:rsidRDefault="00576701" w:rsidP="00C271DD"/>
    <w:p w14:paraId="77C914AB" w14:textId="6C9FDEAF" w:rsidR="00576701" w:rsidRDefault="00576701" w:rsidP="00C271DD">
      <w:pPr>
        <w:rPr>
          <w:b/>
          <w:bCs/>
        </w:rPr>
      </w:pPr>
      <w:r w:rsidRPr="00B65154">
        <w:rPr>
          <w:b/>
          <w:bCs/>
        </w:rPr>
        <w:t>12.create the templates folder under the 'login'</w:t>
      </w:r>
    </w:p>
    <w:p w14:paraId="4C2EC254" w14:textId="38E1F9F1" w:rsidR="00171814" w:rsidRDefault="00171814" w:rsidP="00C271DD">
      <w:pPr>
        <w:rPr>
          <w:b/>
          <w:bCs/>
        </w:rPr>
      </w:pPr>
    </w:p>
    <w:p w14:paraId="503E5BD4" w14:textId="0355C696" w:rsidR="00171814" w:rsidRDefault="00171814" w:rsidP="00C271DD">
      <w:pPr>
        <w:rPr>
          <w:b/>
          <w:bCs/>
        </w:rPr>
      </w:pPr>
    </w:p>
    <w:p w14:paraId="760A9797" w14:textId="77777777" w:rsidR="00171814" w:rsidRPr="00171814" w:rsidRDefault="00171814" w:rsidP="00171814">
      <w:pPr>
        <w:rPr>
          <w:b/>
          <w:bCs/>
        </w:rPr>
      </w:pPr>
      <w:r w:rsidRPr="00171814">
        <w:rPr>
          <w:b/>
          <w:bCs/>
        </w:rPr>
        <w:t>Req:</w:t>
      </w:r>
    </w:p>
    <w:p w14:paraId="0F6665CF" w14:textId="77777777" w:rsidR="00171814" w:rsidRPr="00171814" w:rsidRDefault="00171814" w:rsidP="00171814">
      <w:pPr>
        <w:rPr>
          <w:b/>
          <w:bCs/>
        </w:rPr>
      </w:pPr>
      <w:r w:rsidRPr="00171814">
        <w:rPr>
          <w:b/>
          <w:bCs/>
        </w:rPr>
        <w:t>Print "welcome to django" in the html page</w:t>
      </w:r>
    </w:p>
    <w:p w14:paraId="665C63AE" w14:textId="1871B761" w:rsidR="00171814" w:rsidRDefault="00171814" w:rsidP="00171814">
      <w:pPr>
        <w:rPr>
          <w:b/>
          <w:bCs/>
        </w:rPr>
      </w:pPr>
    </w:p>
    <w:p w14:paraId="5D94BB02" w14:textId="6A8E9318" w:rsidR="008C60D0" w:rsidRDefault="008C60D0" w:rsidP="00171814">
      <w:pPr>
        <w:rPr>
          <w:b/>
          <w:bCs/>
        </w:rPr>
      </w:pPr>
      <w:r w:rsidRPr="008C60D0">
        <w:rPr>
          <w:b/>
          <w:bCs/>
        </w:rPr>
        <w:t>for every url we need to write the function under views.py</w:t>
      </w:r>
    </w:p>
    <w:p w14:paraId="7AADF055" w14:textId="77777777" w:rsidR="008C60D0" w:rsidRPr="00171814" w:rsidRDefault="008C60D0" w:rsidP="00171814">
      <w:pPr>
        <w:rPr>
          <w:b/>
          <w:bCs/>
        </w:rPr>
      </w:pPr>
    </w:p>
    <w:p w14:paraId="0168EDDF" w14:textId="77777777" w:rsidR="00171814" w:rsidRPr="00171814" w:rsidRDefault="00171814" w:rsidP="00171814">
      <w:pPr>
        <w:rPr>
          <w:b/>
          <w:bCs/>
        </w:rPr>
      </w:pPr>
      <w:r w:rsidRPr="00171814">
        <w:rPr>
          <w:b/>
          <w:bCs/>
        </w:rPr>
        <w:t>changes:</w:t>
      </w:r>
    </w:p>
    <w:p w14:paraId="317A2774" w14:textId="77777777" w:rsidR="00171814" w:rsidRPr="00171814" w:rsidRDefault="00171814" w:rsidP="00171814">
      <w:pPr>
        <w:rPr>
          <w:b/>
          <w:bCs/>
        </w:rPr>
      </w:pPr>
      <w:r w:rsidRPr="00171814">
        <w:rPr>
          <w:b/>
          <w:bCs/>
        </w:rPr>
        <w:t xml:space="preserve">1.Add new url under the 'urls.py' </w:t>
      </w:r>
    </w:p>
    <w:p w14:paraId="364863C3" w14:textId="77777777" w:rsidR="00171814" w:rsidRPr="00171814" w:rsidRDefault="00171814" w:rsidP="00171814">
      <w:pPr>
        <w:rPr>
          <w:b/>
          <w:bCs/>
        </w:rPr>
      </w:pPr>
      <w:r w:rsidRPr="00171814">
        <w:rPr>
          <w:b/>
          <w:bCs/>
        </w:rPr>
        <w:t>2.add new method under the views</w:t>
      </w:r>
    </w:p>
    <w:p w14:paraId="1227EDEC" w14:textId="77777777" w:rsidR="00171814" w:rsidRPr="00171814" w:rsidRDefault="00171814" w:rsidP="00171814">
      <w:pPr>
        <w:rPr>
          <w:b/>
          <w:bCs/>
        </w:rPr>
      </w:pPr>
      <w:r w:rsidRPr="00171814">
        <w:rPr>
          <w:b/>
          <w:bCs/>
        </w:rPr>
        <w:t>3.add new html under the 'templates'</w:t>
      </w:r>
    </w:p>
    <w:p w14:paraId="3A354605" w14:textId="77777777" w:rsidR="00511C80" w:rsidRPr="00511C80" w:rsidRDefault="00511C80" w:rsidP="00511C80">
      <w:pPr>
        <w:pBdr>
          <w:bottom w:val="single" w:sz="6" w:space="1" w:color="auto"/>
        </w:pBdr>
        <w:rPr>
          <w:b/>
          <w:bCs/>
        </w:rPr>
      </w:pPr>
      <w:r w:rsidRPr="00511C80">
        <w:rPr>
          <w:b/>
          <w:bCs/>
        </w:rPr>
        <w:t>views.py:</w:t>
      </w:r>
    </w:p>
    <w:p w14:paraId="1BC5F503" w14:textId="77777777" w:rsidR="001B778B" w:rsidRPr="001B778B" w:rsidRDefault="001B778B" w:rsidP="001B778B">
      <w:pPr>
        <w:rPr>
          <w:b/>
          <w:bCs/>
        </w:rPr>
      </w:pPr>
      <w:r w:rsidRPr="001B778B">
        <w:rPr>
          <w:b/>
          <w:bCs/>
        </w:rPr>
        <w:t xml:space="preserve">view function take </w:t>
      </w:r>
    </w:p>
    <w:p w14:paraId="1455464A" w14:textId="77777777" w:rsidR="001B778B" w:rsidRPr="001B778B" w:rsidRDefault="001B778B" w:rsidP="001B778B">
      <w:pPr>
        <w:rPr>
          <w:b/>
          <w:bCs/>
        </w:rPr>
      </w:pPr>
      <w:r w:rsidRPr="001B778B">
        <w:rPr>
          <w:b/>
          <w:bCs/>
        </w:rPr>
        <w:t>1.HttpRequest Obj as input</w:t>
      </w:r>
    </w:p>
    <w:p w14:paraId="26764253" w14:textId="77777777" w:rsidR="001B778B" w:rsidRPr="001B778B" w:rsidRDefault="001B778B" w:rsidP="001B778B">
      <w:pPr>
        <w:rPr>
          <w:b/>
          <w:bCs/>
        </w:rPr>
      </w:pPr>
      <w:r w:rsidRPr="001B778B">
        <w:rPr>
          <w:b/>
          <w:bCs/>
        </w:rPr>
        <w:t>2.Returns HttpResponse Obj</w:t>
      </w:r>
    </w:p>
    <w:p w14:paraId="21DB41E5" w14:textId="77777777" w:rsidR="001B778B" w:rsidRPr="001B778B" w:rsidRDefault="001B778B" w:rsidP="001B778B">
      <w:pPr>
        <w:rPr>
          <w:b/>
          <w:bCs/>
        </w:rPr>
      </w:pPr>
    </w:p>
    <w:p w14:paraId="737BBC90" w14:textId="77777777" w:rsidR="001B778B" w:rsidRPr="001B778B" w:rsidRDefault="001B778B" w:rsidP="001B778B">
      <w:pPr>
        <w:rPr>
          <w:b/>
          <w:bCs/>
        </w:rPr>
      </w:pPr>
      <w:r w:rsidRPr="001B778B">
        <w:rPr>
          <w:b/>
          <w:bCs/>
        </w:rPr>
        <w:t xml:space="preserve"> HttpResponse Obj contains:</w:t>
      </w:r>
    </w:p>
    <w:p w14:paraId="6CFDE05D" w14:textId="77777777" w:rsidR="001B778B" w:rsidRPr="001B778B" w:rsidRDefault="001B778B" w:rsidP="001B778B">
      <w:pPr>
        <w:rPr>
          <w:b/>
          <w:bCs/>
        </w:rPr>
      </w:pPr>
      <w:r w:rsidRPr="001B778B">
        <w:rPr>
          <w:b/>
          <w:bCs/>
        </w:rPr>
        <w:t>a) Response html page name</w:t>
      </w:r>
    </w:p>
    <w:p w14:paraId="6F46959A" w14:textId="11DD54AF" w:rsidR="001B778B" w:rsidRDefault="001B778B" w:rsidP="001B778B">
      <w:pPr>
        <w:rPr>
          <w:b/>
          <w:bCs/>
        </w:rPr>
      </w:pPr>
      <w:r w:rsidRPr="001B778B">
        <w:rPr>
          <w:b/>
          <w:bCs/>
        </w:rPr>
        <w:t>b) Response data</w:t>
      </w:r>
    </w:p>
    <w:p w14:paraId="73066788" w14:textId="77777777" w:rsidR="001B778B" w:rsidRPr="00511C80" w:rsidRDefault="001B778B" w:rsidP="001B778B">
      <w:pPr>
        <w:rPr>
          <w:b/>
          <w:bCs/>
        </w:rPr>
      </w:pPr>
    </w:p>
    <w:p w14:paraId="37CFB860" w14:textId="77777777" w:rsidR="00511C80" w:rsidRPr="00511C80" w:rsidRDefault="00511C80" w:rsidP="00511C80">
      <w:pPr>
        <w:rPr>
          <w:b/>
          <w:bCs/>
        </w:rPr>
      </w:pPr>
      <w:r w:rsidRPr="00511C80">
        <w:rPr>
          <w:b/>
          <w:bCs/>
        </w:rPr>
        <w:t>from django.http import HttpResponse</w:t>
      </w:r>
    </w:p>
    <w:p w14:paraId="36E10521" w14:textId="77777777" w:rsidR="00511C80" w:rsidRPr="00511C80" w:rsidRDefault="00511C80" w:rsidP="00511C80">
      <w:pPr>
        <w:rPr>
          <w:b/>
          <w:bCs/>
        </w:rPr>
      </w:pPr>
    </w:p>
    <w:p w14:paraId="718E9D0D" w14:textId="77777777" w:rsidR="00511C80" w:rsidRPr="00511C80" w:rsidRDefault="00511C80" w:rsidP="00511C80">
      <w:pPr>
        <w:rPr>
          <w:b/>
          <w:bCs/>
        </w:rPr>
      </w:pPr>
      <w:r w:rsidRPr="00511C80">
        <w:rPr>
          <w:b/>
          <w:bCs/>
        </w:rPr>
        <w:lastRenderedPageBreak/>
        <w:t>def ex1(request):</w:t>
      </w:r>
    </w:p>
    <w:p w14:paraId="072BE24E" w14:textId="77777777" w:rsidR="00511C80" w:rsidRPr="00511C80" w:rsidRDefault="00511C80" w:rsidP="00511C80">
      <w:pPr>
        <w:rPr>
          <w:b/>
          <w:bCs/>
        </w:rPr>
      </w:pPr>
      <w:r w:rsidRPr="00511C80">
        <w:rPr>
          <w:b/>
          <w:bCs/>
        </w:rPr>
        <w:t xml:space="preserve">    res = "&lt;font color='red'&gt;welcome to django&lt;/font&gt;"</w:t>
      </w:r>
    </w:p>
    <w:p w14:paraId="39957113" w14:textId="77777777" w:rsidR="00511C80" w:rsidRPr="00511C80" w:rsidRDefault="00511C80" w:rsidP="00511C80">
      <w:pPr>
        <w:rPr>
          <w:b/>
          <w:bCs/>
        </w:rPr>
      </w:pPr>
      <w:r w:rsidRPr="00511C80">
        <w:rPr>
          <w:b/>
          <w:bCs/>
        </w:rPr>
        <w:t xml:space="preserve">    return HttpResponse(res)</w:t>
      </w:r>
    </w:p>
    <w:p w14:paraId="351FBC39" w14:textId="77777777" w:rsidR="00511C80" w:rsidRPr="00511C80" w:rsidRDefault="00511C80" w:rsidP="00511C80">
      <w:pPr>
        <w:rPr>
          <w:b/>
          <w:bCs/>
        </w:rPr>
      </w:pPr>
      <w:r w:rsidRPr="00511C80">
        <w:rPr>
          <w:b/>
          <w:bCs/>
        </w:rPr>
        <w:t xml:space="preserve">    </w:t>
      </w:r>
    </w:p>
    <w:p w14:paraId="1D8493C7" w14:textId="77777777" w:rsidR="00511C80" w:rsidRPr="00511C80" w:rsidRDefault="00511C80" w:rsidP="00511C80">
      <w:pPr>
        <w:rPr>
          <w:b/>
          <w:bCs/>
        </w:rPr>
      </w:pPr>
      <w:r w:rsidRPr="00511C80">
        <w:rPr>
          <w:b/>
          <w:bCs/>
        </w:rPr>
        <w:t xml:space="preserve">    </w:t>
      </w:r>
    </w:p>
    <w:p w14:paraId="0225EE32" w14:textId="77777777" w:rsidR="00511C80" w:rsidRPr="00511C80" w:rsidRDefault="00511C80" w:rsidP="00511C80">
      <w:pPr>
        <w:rPr>
          <w:b/>
          <w:bCs/>
        </w:rPr>
      </w:pPr>
      <w:r w:rsidRPr="00511C80">
        <w:rPr>
          <w:b/>
          <w:bCs/>
        </w:rPr>
        <w:t>urls.py:</w:t>
      </w:r>
    </w:p>
    <w:p w14:paraId="042FB0C9" w14:textId="77777777" w:rsidR="00511C80" w:rsidRPr="00511C80" w:rsidRDefault="00511C80" w:rsidP="00511C80">
      <w:pPr>
        <w:rPr>
          <w:b/>
          <w:bCs/>
        </w:rPr>
      </w:pPr>
      <w:r w:rsidRPr="00511C80">
        <w:rPr>
          <w:b/>
          <w:bCs/>
        </w:rPr>
        <w:t>-----------</w:t>
      </w:r>
    </w:p>
    <w:p w14:paraId="349DC07A" w14:textId="77777777" w:rsidR="00511C80" w:rsidRPr="00511C80" w:rsidRDefault="00511C80" w:rsidP="00511C80">
      <w:pPr>
        <w:rPr>
          <w:b/>
          <w:bCs/>
        </w:rPr>
      </w:pPr>
      <w:r w:rsidRPr="00511C80">
        <w:rPr>
          <w:b/>
          <w:bCs/>
        </w:rPr>
        <w:t xml:space="preserve"> path('ex1/', views.ex1,name="ex1 page"),</w:t>
      </w:r>
    </w:p>
    <w:p w14:paraId="180FF6DE" w14:textId="1DAF2728" w:rsidR="00511C80" w:rsidRPr="00511C80" w:rsidRDefault="00511C80" w:rsidP="00511C80">
      <w:pPr>
        <w:rPr>
          <w:b/>
          <w:bCs/>
        </w:rPr>
      </w:pPr>
      <w:r w:rsidRPr="00511C80">
        <w:rPr>
          <w:b/>
          <w:bCs/>
        </w:rPr>
        <w:t xml:space="preserve">  here 'ex1/' is the new resource url</w:t>
      </w:r>
    </w:p>
    <w:p w14:paraId="20DF29D6" w14:textId="377E55CA" w:rsidR="00171814" w:rsidRPr="00171814" w:rsidRDefault="00511C80" w:rsidP="00511C80">
      <w:pPr>
        <w:rPr>
          <w:b/>
          <w:bCs/>
        </w:rPr>
      </w:pPr>
      <w:r w:rsidRPr="00511C80">
        <w:rPr>
          <w:b/>
          <w:bCs/>
        </w:rPr>
        <w:t xml:space="preserve"> and this url is handled by ex1() method insdide the views.</w:t>
      </w:r>
    </w:p>
    <w:p w14:paraId="1D716F51" w14:textId="77777777" w:rsidR="00EA4CCC" w:rsidRPr="00EA4CCC" w:rsidRDefault="00EA4CCC" w:rsidP="00EA4CCC">
      <w:pPr>
        <w:rPr>
          <w:b/>
          <w:bCs/>
        </w:rPr>
      </w:pPr>
    </w:p>
    <w:p w14:paraId="23C83418" w14:textId="77777777" w:rsidR="00EA4CCC" w:rsidRPr="00EA4CCC" w:rsidRDefault="00EA4CCC" w:rsidP="00EA4CCC">
      <w:pPr>
        <w:rPr>
          <w:b/>
          <w:bCs/>
        </w:rPr>
      </w:pPr>
      <w:r w:rsidRPr="00EA4CCC">
        <w:rPr>
          <w:b/>
          <w:bCs/>
        </w:rPr>
        <w:t xml:space="preserve"> -&gt; execute commands on root project</w:t>
      </w:r>
    </w:p>
    <w:p w14:paraId="52834300" w14:textId="77777777" w:rsidR="00EA4CCC" w:rsidRPr="00EA4CCC" w:rsidRDefault="00EA4CCC" w:rsidP="00EA4CCC">
      <w:pPr>
        <w:rPr>
          <w:b/>
          <w:bCs/>
        </w:rPr>
      </w:pPr>
      <w:r w:rsidRPr="00EA4CCC">
        <w:rPr>
          <w:b/>
          <w:bCs/>
        </w:rPr>
        <w:t xml:space="preserve"> 1.workon mytest</w:t>
      </w:r>
    </w:p>
    <w:p w14:paraId="2C54CBF0" w14:textId="10AE3F61" w:rsidR="00171814" w:rsidRPr="00171814" w:rsidRDefault="00EA4CCC" w:rsidP="00EA4CCC">
      <w:pPr>
        <w:rPr>
          <w:b/>
          <w:bCs/>
        </w:rPr>
      </w:pPr>
      <w:r w:rsidRPr="00EA4CCC">
        <w:rPr>
          <w:b/>
          <w:bCs/>
        </w:rPr>
        <w:t xml:space="preserve"> 2.python manage.py runserver</w:t>
      </w:r>
    </w:p>
    <w:p w14:paraId="4C207DD2" w14:textId="07BAF9F0" w:rsidR="00171814" w:rsidRPr="00171814" w:rsidRDefault="00983FB3" w:rsidP="00171814">
      <w:pPr>
        <w:rPr>
          <w:b/>
          <w:bCs/>
        </w:rPr>
      </w:pPr>
      <w:r w:rsidRPr="00983FB3">
        <w:rPr>
          <w:b/>
          <w:bCs/>
        </w:rPr>
        <w:t>http://127.0.0.1:8000/login/ex1/</w:t>
      </w:r>
    </w:p>
    <w:p w14:paraId="1587ADA5" w14:textId="77777777" w:rsidR="00171814" w:rsidRPr="00171814" w:rsidRDefault="00171814" w:rsidP="00171814">
      <w:pPr>
        <w:rPr>
          <w:b/>
          <w:bCs/>
        </w:rPr>
      </w:pPr>
    </w:p>
    <w:p w14:paraId="0CB0118E" w14:textId="111D49F1" w:rsidR="00171814" w:rsidRDefault="00171814" w:rsidP="00C271DD">
      <w:pPr>
        <w:rPr>
          <w:b/>
          <w:bCs/>
        </w:rPr>
      </w:pPr>
    </w:p>
    <w:p w14:paraId="2BAA6277" w14:textId="1E222711" w:rsidR="00171814" w:rsidRDefault="00171814" w:rsidP="00C271DD">
      <w:pPr>
        <w:rPr>
          <w:b/>
          <w:bCs/>
        </w:rPr>
      </w:pPr>
    </w:p>
    <w:p w14:paraId="1F417452" w14:textId="2D1829A9" w:rsidR="004E2F6D" w:rsidRDefault="004E2F6D" w:rsidP="00C271DD">
      <w:pPr>
        <w:rPr>
          <w:b/>
          <w:bCs/>
        </w:rPr>
      </w:pPr>
    </w:p>
    <w:p w14:paraId="36831913" w14:textId="77777777" w:rsidR="004E2F6D" w:rsidRPr="004E2F6D" w:rsidRDefault="004E2F6D" w:rsidP="004E2F6D">
      <w:pPr>
        <w:rPr>
          <w:b/>
          <w:bCs/>
        </w:rPr>
      </w:pPr>
      <w:r w:rsidRPr="004E2F6D">
        <w:rPr>
          <w:b/>
          <w:bCs/>
        </w:rPr>
        <w:t>Req:</w:t>
      </w:r>
    </w:p>
    <w:p w14:paraId="5E65ABCB" w14:textId="77777777" w:rsidR="004E2F6D" w:rsidRPr="004E2F6D" w:rsidRDefault="004E2F6D" w:rsidP="004E2F6D">
      <w:pPr>
        <w:rPr>
          <w:b/>
          <w:bCs/>
        </w:rPr>
      </w:pPr>
      <w:r w:rsidRPr="004E2F6D">
        <w:rPr>
          <w:b/>
          <w:bCs/>
        </w:rPr>
        <w:t>Print "Hello welcome to django" using the html page</w:t>
      </w:r>
    </w:p>
    <w:p w14:paraId="7D7C65EE" w14:textId="77777777" w:rsidR="004E2F6D" w:rsidRPr="004E2F6D" w:rsidRDefault="004E2F6D" w:rsidP="004E2F6D">
      <w:pPr>
        <w:rPr>
          <w:b/>
          <w:bCs/>
        </w:rPr>
      </w:pPr>
      <w:r w:rsidRPr="004E2F6D">
        <w:rPr>
          <w:b/>
          <w:bCs/>
        </w:rPr>
        <w:t>new url : hello/</w:t>
      </w:r>
    </w:p>
    <w:p w14:paraId="285F5DD7" w14:textId="77777777" w:rsidR="004E2F6D" w:rsidRPr="004E2F6D" w:rsidRDefault="004E2F6D" w:rsidP="004E2F6D">
      <w:pPr>
        <w:rPr>
          <w:b/>
          <w:bCs/>
        </w:rPr>
      </w:pPr>
    </w:p>
    <w:p w14:paraId="6D9FB6AD" w14:textId="77777777" w:rsidR="004E2F6D" w:rsidRPr="004E2F6D" w:rsidRDefault="004E2F6D" w:rsidP="004E2F6D">
      <w:pPr>
        <w:rPr>
          <w:b/>
          <w:bCs/>
        </w:rPr>
      </w:pPr>
      <w:r w:rsidRPr="004E2F6D">
        <w:rPr>
          <w:b/>
          <w:bCs/>
        </w:rPr>
        <w:t>changes:</w:t>
      </w:r>
    </w:p>
    <w:p w14:paraId="2330062F" w14:textId="77777777" w:rsidR="004E2F6D" w:rsidRPr="004E2F6D" w:rsidRDefault="004E2F6D" w:rsidP="004E2F6D">
      <w:pPr>
        <w:rPr>
          <w:b/>
          <w:bCs/>
        </w:rPr>
      </w:pPr>
      <w:r w:rsidRPr="004E2F6D">
        <w:rPr>
          <w:b/>
          <w:bCs/>
        </w:rPr>
        <w:t xml:space="preserve">1.Add new url under the 'urls.py' </w:t>
      </w:r>
    </w:p>
    <w:p w14:paraId="0469EBF4" w14:textId="77777777" w:rsidR="004E2F6D" w:rsidRPr="004E2F6D" w:rsidRDefault="004E2F6D" w:rsidP="004E2F6D">
      <w:pPr>
        <w:rPr>
          <w:b/>
          <w:bCs/>
        </w:rPr>
      </w:pPr>
      <w:r w:rsidRPr="004E2F6D">
        <w:rPr>
          <w:b/>
          <w:bCs/>
        </w:rPr>
        <w:t>2.add new method under the views.py</w:t>
      </w:r>
    </w:p>
    <w:p w14:paraId="6E8DAFED" w14:textId="77777777" w:rsidR="004E2F6D" w:rsidRPr="004E2F6D" w:rsidRDefault="004E2F6D" w:rsidP="004E2F6D">
      <w:pPr>
        <w:rPr>
          <w:b/>
          <w:bCs/>
        </w:rPr>
      </w:pPr>
      <w:r w:rsidRPr="004E2F6D">
        <w:rPr>
          <w:b/>
          <w:bCs/>
        </w:rPr>
        <w:t>3.add new html under the 'templates'</w:t>
      </w:r>
    </w:p>
    <w:p w14:paraId="4CA31175" w14:textId="77777777" w:rsidR="004E2F6D" w:rsidRPr="004E2F6D" w:rsidRDefault="004E2F6D" w:rsidP="004E2F6D">
      <w:pPr>
        <w:rPr>
          <w:b/>
          <w:bCs/>
        </w:rPr>
      </w:pPr>
    </w:p>
    <w:p w14:paraId="26E180CF" w14:textId="77777777" w:rsidR="004E2F6D" w:rsidRPr="004E2F6D" w:rsidRDefault="004E2F6D" w:rsidP="004E2F6D">
      <w:pPr>
        <w:rPr>
          <w:b/>
          <w:bCs/>
        </w:rPr>
      </w:pPr>
    </w:p>
    <w:p w14:paraId="34174DBB" w14:textId="77777777" w:rsidR="004E2F6D" w:rsidRPr="004E2F6D" w:rsidRDefault="004E2F6D" w:rsidP="004E2F6D">
      <w:pPr>
        <w:rPr>
          <w:b/>
          <w:bCs/>
        </w:rPr>
      </w:pPr>
      <w:r w:rsidRPr="004E2F6D">
        <w:rPr>
          <w:b/>
          <w:bCs/>
        </w:rPr>
        <w:lastRenderedPageBreak/>
        <w:t>urls.py:</w:t>
      </w:r>
    </w:p>
    <w:p w14:paraId="7D0DD22D" w14:textId="77777777" w:rsidR="004E2F6D" w:rsidRPr="004E2F6D" w:rsidRDefault="004E2F6D" w:rsidP="004E2F6D">
      <w:pPr>
        <w:rPr>
          <w:b/>
          <w:bCs/>
        </w:rPr>
      </w:pPr>
      <w:r w:rsidRPr="004E2F6D">
        <w:rPr>
          <w:b/>
          <w:bCs/>
        </w:rPr>
        <w:t>-------------</w:t>
      </w:r>
    </w:p>
    <w:p w14:paraId="164500FC" w14:textId="77777777" w:rsidR="004E2F6D" w:rsidRPr="004E2F6D" w:rsidRDefault="004E2F6D" w:rsidP="004E2F6D">
      <w:pPr>
        <w:rPr>
          <w:b/>
          <w:bCs/>
        </w:rPr>
      </w:pPr>
      <w:r w:rsidRPr="004E2F6D">
        <w:rPr>
          <w:b/>
          <w:bCs/>
        </w:rPr>
        <w:t>path('hello/', views.handleHello,name="ex1 page"),</w:t>
      </w:r>
    </w:p>
    <w:p w14:paraId="7043881B" w14:textId="77777777" w:rsidR="004E2F6D" w:rsidRPr="004E2F6D" w:rsidRDefault="004E2F6D" w:rsidP="004E2F6D">
      <w:pPr>
        <w:rPr>
          <w:b/>
          <w:bCs/>
        </w:rPr>
      </w:pPr>
    </w:p>
    <w:p w14:paraId="69C9555D" w14:textId="77777777" w:rsidR="004E2F6D" w:rsidRPr="004E2F6D" w:rsidRDefault="004E2F6D" w:rsidP="004E2F6D">
      <w:pPr>
        <w:rPr>
          <w:b/>
          <w:bCs/>
        </w:rPr>
      </w:pPr>
      <w:r w:rsidRPr="004E2F6D">
        <w:rPr>
          <w:b/>
          <w:bCs/>
        </w:rPr>
        <w:t>here 'hello/' is the new resource url</w:t>
      </w:r>
    </w:p>
    <w:p w14:paraId="6BDCBDCE" w14:textId="77777777" w:rsidR="004E2F6D" w:rsidRPr="004E2F6D" w:rsidRDefault="004E2F6D" w:rsidP="004E2F6D">
      <w:pPr>
        <w:rPr>
          <w:b/>
          <w:bCs/>
        </w:rPr>
      </w:pPr>
      <w:r w:rsidRPr="004E2F6D">
        <w:rPr>
          <w:b/>
          <w:bCs/>
        </w:rPr>
        <w:t>and this url is handled by handleHello() method insdide the views.</w:t>
      </w:r>
    </w:p>
    <w:p w14:paraId="0E6A6CB1" w14:textId="77777777" w:rsidR="004E2F6D" w:rsidRPr="004E2F6D" w:rsidRDefault="004E2F6D" w:rsidP="004E2F6D">
      <w:pPr>
        <w:rPr>
          <w:b/>
          <w:bCs/>
        </w:rPr>
      </w:pPr>
      <w:r w:rsidRPr="004E2F6D">
        <w:rPr>
          <w:b/>
          <w:bCs/>
        </w:rPr>
        <w:t xml:space="preserve"> </w:t>
      </w:r>
    </w:p>
    <w:p w14:paraId="23D888A9" w14:textId="77777777" w:rsidR="004E2F6D" w:rsidRPr="004E2F6D" w:rsidRDefault="004E2F6D" w:rsidP="004E2F6D">
      <w:pPr>
        <w:rPr>
          <w:b/>
          <w:bCs/>
        </w:rPr>
      </w:pPr>
      <w:r w:rsidRPr="004E2F6D">
        <w:rPr>
          <w:b/>
          <w:bCs/>
        </w:rPr>
        <w:t>views.py:</w:t>
      </w:r>
    </w:p>
    <w:p w14:paraId="44FF8460" w14:textId="77777777" w:rsidR="004E2F6D" w:rsidRPr="004E2F6D" w:rsidRDefault="004E2F6D" w:rsidP="004E2F6D">
      <w:pPr>
        <w:rPr>
          <w:b/>
          <w:bCs/>
        </w:rPr>
      </w:pPr>
      <w:r w:rsidRPr="004E2F6D">
        <w:rPr>
          <w:b/>
          <w:bCs/>
        </w:rPr>
        <w:t>-------------</w:t>
      </w:r>
    </w:p>
    <w:p w14:paraId="19862D92" w14:textId="77777777" w:rsidR="004E2F6D" w:rsidRPr="004E2F6D" w:rsidRDefault="004E2F6D" w:rsidP="004E2F6D">
      <w:pPr>
        <w:rPr>
          <w:b/>
          <w:bCs/>
        </w:rPr>
      </w:pPr>
      <w:r w:rsidRPr="004E2F6D">
        <w:rPr>
          <w:b/>
          <w:bCs/>
        </w:rPr>
        <w:t>from django.shortcuts import render</w:t>
      </w:r>
    </w:p>
    <w:p w14:paraId="4B8EF395" w14:textId="77777777" w:rsidR="004E2F6D" w:rsidRPr="004E2F6D" w:rsidRDefault="004E2F6D" w:rsidP="004E2F6D">
      <w:pPr>
        <w:rPr>
          <w:b/>
          <w:bCs/>
        </w:rPr>
      </w:pPr>
    </w:p>
    <w:p w14:paraId="46238826" w14:textId="77777777" w:rsidR="004E2F6D" w:rsidRPr="004E2F6D" w:rsidRDefault="004E2F6D" w:rsidP="004E2F6D">
      <w:pPr>
        <w:rPr>
          <w:b/>
          <w:bCs/>
        </w:rPr>
      </w:pPr>
      <w:r w:rsidRPr="004E2F6D">
        <w:rPr>
          <w:b/>
          <w:bCs/>
        </w:rPr>
        <w:t>def handleHello(request):</w:t>
      </w:r>
    </w:p>
    <w:p w14:paraId="5C2AFEA8" w14:textId="77777777" w:rsidR="004E2F6D" w:rsidRPr="004E2F6D" w:rsidRDefault="004E2F6D" w:rsidP="004E2F6D">
      <w:pPr>
        <w:rPr>
          <w:b/>
          <w:bCs/>
        </w:rPr>
      </w:pPr>
      <w:r w:rsidRPr="004E2F6D">
        <w:rPr>
          <w:b/>
          <w:bCs/>
        </w:rPr>
        <w:t xml:space="preserve">    return render(request, "helloResponse.html", {})</w:t>
      </w:r>
    </w:p>
    <w:p w14:paraId="78785F99" w14:textId="77777777" w:rsidR="004E2F6D" w:rsidRPr="004E2F6D" w:rsidRDefault="004E2F6D" w:rsidP="004E2F6D">
      <w:pPr>
        <w:rPr>
          <w:b/>
          <w:bCs/>
        </w:rPr>
      </w:pPr>
      <w:r w:rsidRPr="004E2F6D">
        <w:rPr>
          <w:b/>
          <w:bCs/>
        </w:rPr>
        <w:t xml:space="preserve"> </w:t>
      </w:r>
    </w:p>
    <w:p w14:paraId="3CF8785A" w14:textId="77777777" w:rsidR="004E2F6D" w:rsidRPr="004E2F6D" w:rsidRDefault="004E2F6D" w:rsidP="004E2F6D">
      <w:pPr>
        <w:rPr>
          <w:b/>
          <w:bCs/>
        </w:rPr>
      </w:pPr>
      <w:r w:rsidRPr="004E2F6D">
        <w:rPr>
          <w:b/>
          <w:bCs/>
        </w:rPr>
        <w:t>Here the resonse is prepared by "helloResponse.html"</w:t>
      </w:r>
    </w:p>
    <w:p w14:paraId="232DF3A2" w14:textId="77777777" w:rsidR="004E2F6D" w:rsidRPr="004E2F6D" w:rsidRDefault="004E2F6D" w:rsidP="004E2F6D">
      <w:pPr>
        <w:rPr>
          <w:b/>
          <w:bCs/>
        </w:rPr>
      </w:pPr>
    </w:p>
    <w:p w14:paraId="34E846A6" w14:textId="77777777" w:rsidR="004E2F6D" w:rsidRPr="004E2F6D" w:rsidRDefault="004E2F6D" w:rsidP="004E2F6D">
      <w:pPr>
        <w:rPr>
          <w:b/>
          <w:bCs/>
        </w:rPr>
      </w:pPr>
    </w:p>
    <w:p w14:paraId="4DEB1C01" w14:textId="77777777" w:rsidR="004E2F6D" w:rsidRPr="004E2F6D" w:rsidRDefault="004E2F6D" w:rsidP="004E2F6D">
      <w:pPr>
        <w:rPr>
          <w:b/>
          <w:bCs/>
        </w:rPr>
      </w:pPr>
    </w:p>
    <w:p w14:paraId="4F9E3A10" w14:textId="77777777" w:rsidR="004E2F6D" w:rsidRPr="004E2F6D" w:rsidRDefault="004E2F6D" w:rsidP="004E2F6D">
      <w:pPr>
        <w:rPr>
          <w:b/>
          <w:bCs/>
        </w:rPr>
      </w:pPr>
      <w:r w:rsidRPr="004E2F6D">
        <w:rPr>
          <w:b/>
          <w:bCs/>
        </w:rPr>
        <w:t xml:space="preserve"> </w:t>
      </w:r>
    </w:p>
    <w:p w14:paraId="042660A4" w14:textId="77777777" w:rsidR="004E2F6D" w:rsidRPr="004E2F6D" w:rsidRDefault="004E2F6D" w:rsidP="004E2F6D">
      <w:pPr>
        <w:rPr>
          <w:b/>
          <w:bCs/>
        </w:rPr>
      </w:pPr>
      <w:r w:rsidRPr="004E2F6D">
        <w:rPr>
          <w:b/>
          <w:bCs/>
        </w:rPr>
        <w:t>create  'helloResponse.html' file under the templates:</w:t>
      </w:r>
    </w:p>
    <w:p w14:paraId="4F562B79" w14:textId="77777777" w:rsidR="004E2F6D" w:rsidRPr="004E2F6D" w:rsidRDefault="004E2F6D" w:rsidP="004E2F6D">
      <w:pPr>
        <w:rPr>
          <w:b/>
          <w:bCs/>
        </w:rPr>
      </w:pPr>
    </w:p>
    <w:p w14:paraId="37CEAE21" w14:textId="77777777" w:rsidR="004E2F6D" w:rsidRPr="004E2F6D" w:rsidRDefault="004E2F6D" w:rsidP="004E2F6D">
      <w:pPr>
        <w:rPr>
          <w:b/>
          <w:bCs/>
        </w:rPr>
      </w:pPr>
      <w:r w:rsidRPr="004E2F6D">
        <w:rPr>
          <w:b/>
          <w:bCs/>
        </w:rPr>
        <w:t>helloResponse.html</w:t>
      </w:r>
    </w:p>
    <w:p w14:paraId="0EFAF46B" w14:textId="77777777" w:rsidR="004E2F6D" w:rsidRPr="004E2F6D" w:rsidRDefault="004E2F6D" w:rsidP="004E2F6D">
      <w:pPr>
        <w:rPr>
          <w:b/>
          <w:bCs/>
        </w:rPr>
      </w:pPr>
      <w:r w:rsidRPr="004E2F6D">
        <w:rPr>
          <w:b/>
          <w:bCs/>
        </w:rPr>
        <w:t>----------------------</w:t>
      </w:r>
    </w:p>
    <w:p w14:paraId="4C7F6AD6" w14:textId="77777777" w:rsidR="004E2F6D" w:rsidRPr="004E2F6D" w:rsidRDefault="004E2F6D" w:rsidP="004E2F6D">
      <w:pPr>
        <w:rPr>
          <w:b/>
          <w:bCs/>
        </w:rPr>
      </w:pPr>
      <w:r w:rsidRPr="004E2F6D">
        <w:rPr>
          <w:b/>
          <w:bCs/>
        </w:rPr>
        <w:t>&lt;!DOCTYPE html&gt;</w:t>
      </w:r>
    </w:p>
    <w:p w14:paraId="4F3275E6" w14:textId="77777777" w:rsidR="004E2F6D" w:rsidRPr="004E2F6D" w:rsidRDefault="004E2F6D" w:rsidP="004E2F6D">
      <w:pPr>
        <w:rPr>
          <w:b/>
          <w:bCs/>
        </w:rPr>
      </w:pPr>
      <w:r w:rsidRPr="004E2F6D">
        <w:rPr>
          <w:b/>
          <w:bCs/>
        </w:rPr>
        <w:t>&lt;html lang="en"&gt;</w:t>
      </w:r>
    </w:p>
    <w:p w14:paraId="5DE1D072" w14:textId="77777777" w:rsidR="004E2F6D" w:rsidRPr="004E2F6D" w:rsidRDefault="004E2F6D" w:rsidP="004E2F6D">
      <w:pPr>
        <w:rPr>
          <w:b/>
          <w:bCs/>
        </w:rPr>
      </w:pPr>
      <w:r w:rsidRPr="004E2F6D">
        <w:rPr>
          <w:b/>
          <w:bCs/>
        </w:rPr>
        <w:t>&lt;head&gt;</w:t>
      </w:r>
    </w:p>
    <w:p w14:paraId="3B0681BA" w14:textId="77777777" w:rsidR="004E2F6D" w:rsidRPr="004E2F6D" w:rsidRDefault="004E2F6D" w:rsidP="004E2F6D">
      <w:pPr>
        <w:rPr>
          <w:b/>
          <w:bCs/>
        </w:rPr>
      </w:pPr>
      <w:r w:rsidRPr="004E2F6D">
        <w:rPr>
          <w:b/>
          <w:bCs/>
        </w:rPr>
        <w:t xml:space="preserve">    &lt;meta charset="UTF-8"&gt;</w:t>
      </w:r>
    </w:p>
    <w:p w14:paraId="03AB8E05" w14:textId="77777777" w:rsidR="004E2F6D" w:rsidRPr="004E2F6D" w:rsidRDefault="004E2F6D" w:rsidP="004E2F6D">
      <w:pPr>
        <w:rPr>
          <w:b/>
          <w:bCs/>
        </w:rPr>
      </w:pPr>
      <w:r w:rsidRPr="004E2F6D">
        <w:rPr>
          <w:b/>
          <w:bCs/>
        </w:rPr>
        <w:t xml:space="preserve">    &lt;title&gt;Title&lt;/title&gt;</w:t>
      </w:r>
    </w:p>
    <w:p w14:paraId="67741A4C" w14:textId="77777777" w:rsidR="004E2F6D" w:rsidRPr="004E2F6D" w:rsidRDefault="004E2F6D" w:rsidP="004E2F6D">
      <w:pPr>
        <w:rPr>
          <w:b/>
          <w:bCs/>
        </w:rPr>
      </w:pPr>
      <w:r w:rsidRPr="004E2F6D">
        <w:rPr>
          <w:b/>
          <w:bCs/>
        </w:rPr>
        <w:t>&lt;/head&gt;</w:t>
      </w:r>
    </w:p>
    <w:p w14:paraId="6C21D68F" w14:textId="77777777" w:rsidR="004E2F6D" w:rsidRPr="004E2F6D" w:rsidRDefault="004E2F6D" w:rsidP="004E2F6D">
      <w:pPr>
        <w:rPr>
          <w:b/>
          <w:bCs/>
        </w:rPr>
      </w:pPr>
      <w:r w:rsidRPr="004E2F6D">
        <w:rPr>
          <w:b/>
          <w:bCs/>
        </w:rPr>
        <w:lastRenderedPageBreak/>
        <w:t>&lt;body&gt;</w:t>
      </w:r>
    </w:p>
    <w:p w14:paraId="69311CF0" w14:textId="77777777" w:rsidR="004E2F6D" w:rsidRPr="004E2F6D" w:rsidRDefault="004E2F6D" w:rsidP="004E2F6D">
      <w:pPr>
        <w:rPr>
          <w:b/>
          <w:bCs/>
        </w:rPr>
      </w:pPr>
      <w:r w:rsidRPr="004E2F6D">
        <w:rPr>
          <w:b/>
          <w:bCs/>
        </w:rPr>
        <w:t>Hello welcome to django</w:t>
      </w:r>
    </w:p>
    <w:p w14:paraId="1C302018" w14:textId="77777777" w:rsidR="004E2F6D" w:rsidRPr="004E2F6D" w:rsidRDefault="004E2F6D" w:rsidP="004E2F6D">
      <w:pPr>
        <w:rPr>
          <w:b/>
          <w:bCs/>
        </w:rPr>
      </w:pPr>
      <w:r w:rsidRPr="004E2F6D">
        <w:rPr>
          <w:b/>
          <w:bCs/>
        </w:rPr>
        <w:t>&lt;/body&gt;</w:t>
      </w:r>
    </w:p>
    <w:p w14:paraId="7D4C0AB0" w14:textId="77777777" w:rsidR="004E2F6D" w:rsidRPr="004E2F6D" w:rsidRDefault="004E2F6D" w:rsidP="004E2F6D">
      <w:pPr>
        <w:rPr>
          <w:b/>
          <w:bCs/>
        </w:rPr>
      </w:pPr>
      <w:r w:rsidRPr="004E2F6D">
        <w:rPr>
          <w:b/>
          <w:bCs/>
        </w:rPr>
        <w:t>&lt;/html&gt;</w:t>
      </w:r>
    </w:p>
    <w:p w14:paraId="6942F733" w14:textId="77777777" w:rsidR="004E2F6D" w:rsidRPr="004E2F6D" w:rsidRDefault="004E2F6D" w:rsidP="004E2F6D">
      <w:pPr>
        <w:rPr>
          <w:b/>
          <w:bCs/>
        </w:rPr>
      </w:pPr>
    </w:p>
    <w:p w14:paraId="491243B5" w14:textId="77777777" w:rsidR="004E2F6D" w:rsidRPr="004E2F6D" w:rsidRDefault="004E2F6D" w:rsidP="004E2F6D">
      <w:pPr>
        <w:rPr>
          <w:b/>
          <w:bCs/>
        </w:rPr>
      </w:pPr>
    </w:p>
    <w:p w14:paraId="5CBC4AF9" w14:textId="77777777" w:rsidR="004E2F6D" w:rsidRPr="004E2F6D" w:rsidRDefault="004E2F6D" w:rsidP="004E2F6D">
      <w:pPr>
        <w:rPr>
          <w:b/>
          <w:bCs/>
        </w:rPr>
      </w:pPr>
      <w:r w:rsidRPr="004E2F6D">
        <w:rPr>
          <w:b/>
          <w:bCs/>
        </w:rPr>
        <w:t>Acces URL:</w:t>
      </w:r>
    </w:p>
    <w:p w14:paraId="3E951297" w14:textId="77777777" w:rsidR="004E2F6D" w:rsidRPr="004E2F6D" w:rsidRDefault="004E2F6D" w:rsidP="004E2F6D">
      <w:pPr>
        <w:rPr>
          <w:b/>
          <w:bCs/>
        </w:rPr>
      </w:pPr>
      <w:r w:rsidRPr="004E2F6D">
        <w:rPr>
          <w:b/>
          <w:bCs/>
        </w:rPr>
        <w:t>http://127.0.0.1:8000/login/hello/</w:t>
      </w:r>
    </w:p>
    <w:p w14:paraId="1302F0E5" w14:textId="77777777" w:rsidR="004E2F6D" w:rsidRDefault="004E2F6D" w:rsidP="00C271DD">
      <w:pPr>
        <w:rPr>
          <w:b/>
          <w:bCs/>
        </w:rPr>
      </w:pPr>
    </w:p>
    <w:p w14:paraId="33F6ED39" w14:textId="77777777" w:rsidR="00171814" w:rsidRPr="00B65154" w:rsidRDefault="00171814" w:rsidP="00C271DD">
      <w:pPr>
        <w:rPr>
          <w:b/>
          <w:bCs/>
        </w:rPr>
      </w:pPr>
    </w:p>
    <w:p w14:paraId="58DDCA86" w14:textId="4992D64E" w:rsidR="00517C8E" w:rsidRDefault="00987253" w:rsidP="00987253">
      <w:pPr>
        <w:rPr>
          <w:b/>
        </w:rPr>
      </w:pPr>
      <w:r w:rsidRPr="00987253">
        <w:rPr>
          <w:b/>
        </w:rPr>
        <w:t>Migrate:</w:t>
      </w:r>
    </w:p>
    <w:p w14:paraId="21345C08" w14:textId="732DAC93" w:rsidR="00987253" w:rsidRDefault="00987253" w:rsidP="00987253">
      <w:pPr>
        <w:rPr>
          <w:b/>
        </w:rPr>
      </w:pPr>
      <w:r>
        <w:rPr>
          <w:b/>
        </w:rPr>
        <w:t>1.python manage.py migrate</w:t>
      </w:r>
    </w:p>
    <w:p w14:paraId="3A426B1B" w14:textId="2113AD46" w:rsidR="00884C33" w:rsidRDefault="00884C33" w:rsidP="00987253">
      <w:pPr>
        <w:rPr>
          <w:b/>
        </w:rPr>
      </w:pPr>
    </w:p>
    <w:p w14:paraId="0AEB0E54" w14:textId="129BE3E7" w:rsidR="00884C33" w:rsidRDefault="00884C33" w:rsidP="00987253">
      <w:pPr>
        <w:rPr>
          <w:b/>
        </w:rPr>
      </w:pPr>
      <w:r>
        <w:rPr>
          <w:b/>
        </w:rPr>
        <w:t>Create super User</w:t>
      </w:r>
    </w:p>
    <w:p w14:paraId="4BE48788" w14:textId="69AB95CF" w:rsidR="00884C33" w:rsidRDefault="00987253" w:rsidP="00884C33">
      <w:pPr>
        <w:rPr>
          <w:b/>
        </w:rPr>
      </w:pPr>
      <w:r>
        <w:rPr>
          <w:b/>
        </w:rPr>
        <w:t>2.</w:t>
      </w:r>
      <w:r w:rsidR="00884C33" w:rsidRPr="00884C33">
        <w:rPr>
          <w:b/>
        </w:rPr>
        <w:t xml:space="preserve"> python manage.py createsuperuser</w:t>
      </w:r>
    </w:p>
    <w:p w14:paraId="769F0CFF" w14:textId="4EC29AEE" w:rsidR="00B21F5A" w:rsidRDefault="00B21F5A" w:rsidP="00884C33">
      <w:pPr>
        <w:rPr>
          <w:b/>
        </w:rPr>
      </w:pPr>
    </w:p>
    <w:p w14:paraId="1ABE85E3" w14:textId="03B7C51A" w:rsidR="00B21F5A" w:rsidRDefault="00B21F5A" w:rsidP="00884C33">
      <w:pPr>
        <w:rPr>
          <w:b/>
        </w:rPr>
      </w:pPr>
      <w:r>
        <w:rPr>
          <w:b/>
        </w:rPr>
        <w:t xml:space="preserve">3.Create the folder “templates” along with </w:t>
      </w:r>
      <w:r w:rsidR="00F856F5">
        <w:rPr>
          <w:b/>
        </w:rPr>
        <w:t>the app and project and make the below changes under the settings.py.</w:t>
      </w:r>
    </w:p>
    <w:p w14:paraId="3C112BF2" w14:textId="42EF7FCF" w:rsidR="00F856F5" w:rsidRDefault="00A50581" w:rsidP="00884C33">
      <w:pPr>
        <w:rPr>
          <w:b/>
        </w:rPr>
      </w:pPr>
      <w:r>
        <w:rPr>
          <w:noProof/>
        </w:rPr>
        <w:drawing>
          <wp:inline distT="0" distB="0" distL="0" distR="0" wp14:anchorId="052E8859" wp14:editId="3CFFD9AF">
            <wp:extent cx="5204460" cy="223024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215720" cy="2235070"/>
                    </a:xfrm>
                    <a:prstGeom prst="rect">
                      <a:avLst/>
                    </a:prstGeom>
                  </pic:spPr>
                </pic:pic>
              </a:graphicData>
            </a:graphic>
          </wp:inline>
        </w:drawing>
      </w:r>
    </w:p>
    <w:p w14:paraId="7906FCB7" w14:textId="1C19F47D" w:rsidR="00A05461" w:rsidRDefault="00A05461" w:rsidP="00884C33">
      <w:pPr>
        <w:rPr>
          <w:b/>
        </w:rPr>
      </w:pPr>
    </w:p>
    <w:p w14:paraId="2AC52A91" w14:textId="68FEB744" w:rsidR="00A05461" w:rsidRDefault="00A05461" w:rsidP="00884C33">
      <w:pPr>
        <w:rPr>
          <w:b/>
        </w:rPr>
      </w:pPr>
    </w:p>
    <w:p w14:paraId="0EC9AD8F" w14:textId="6A13F21B" w:rsidR="00A05461" w:rsidRDefault="00A05461" w:rsidP="00884C33">
      <w:pPr>
        <w:rPr>
          <w:b/>
        </w:rPr>
      </w:pPr>
    </w:p>
    <w:p w14:paraId="1A3BE7A1" w14:textId="0731BB99" w:rsidR="00A05461" w:rsidRDefault="00A05461" w:rsidP="00884C33">
      <w:pPr>
        <w:rPr>
          <w:b/>
        </w:rPr>
      </w:pPr>
    </w:p>
    <w:p w14:paraId="19F6813A" w14:textId="77777777" w:rsidR="00A05461" w:rsidRDefault="00A05461" w:rsidP="00884C33">
      <w:pPr>
        <w:rPr>
          <w:b/>
        </w:rPr>
      </w:pPr>
    </w:p>
    <w:p w14:paraId="78E8CD0A" w14:textId="77777777" w:rsidR="00A50581" w:rsidRDefault="00A50581" w:rsidP="00884C33">
      <w:pPr>
        <w:rPr>
          <w:b/>
        </w:rPr>
      </w:pPr>
    </w:p>
    <w:tbl>
      <w:tblPr>
        <w:tblStyle w:val="TableGrid"/>
        <w:tblW w:w="0" w:type="auto"/>
        <w:tblLook w:val="04A0" w:firstRow="1" w:lastRow="0" w:firstColumn="1" w:lastColumn="0" w:noHBand="0" w:noVBand="1"/>
      </w:tblPr>
      <w:tblGrid>
        <w:gridCol w:w="9350"/>
      </w:tblGrid>
      <w:tr w:rsidR="00F856F5" w14:paraId="26B338E5" w14:textId="77777777" w:rsidTr="00F856F5">
        <w:tc>
          <w:tcPr>
            <w:tcW w:w="9350" w:type="dxa"/>
          </w:tcPr>
          <w:p w14:paraId="619FD385" w14:textId="77777777" w:rsidR="00F856F5" w:rsidRPr="00F856F5" w:rsidRDefault="00F856F5" w:rsidP="00F856F5">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856F5">
              <w:rPr>
                <w:rFonts w:ascii="Consolas" w:eastAsia="Times New Roman" w:hAnsi="Consolas" w:cs="Courier New"/>
                <w:color w:val="A9B7C6"/>
                <w:sz w:val="20"/>
                <w:szCs w:val="20"/>
              </w:rPr>
              <w:t>TEMPLATES =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BACKEND'</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6A8759"/>
                <w:sz w:val="20"/>
                <w:szCs w:val="20"/>
              </w:rPr>
              <w:t>'django.template.backends.django.DjangoTemplates'</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IRS'</w:t>
            </w:r>
            <w:r w:rsidRPr="00F856F5">
              <w:rPr>
                <w:rFonts w:ascii="Consolas" w:eastAsia="Times New Roman" w:hAnsi="Consolas" w:cs="Courier New"/>
                <w:color w:val="A9B7C6"/>
                <w:sz w:val="20"/>
                <w:szCs w:val="20"/>
              </w:rPr>
              <w:t>: [os.path.join(BASE_DIR</w:t>
            </w:r>
            <w:r w:rsidRPr="00F856F5">
              <w:rPr>
                <w:rFonts w:ascii="Consolas" w:eastAsia="Times New Roman" w:hAnsi="Consolas" w:cs="Courier New"/>
                <w:color w:val="CC7832"/>
                <w:sz w:val="20"/>
                <w:szCs w:val="20"/>
              </w:rPr>
              <w:t>,</w:t>
            </w:r>
            <w:r w:rsidRPr="00F856F5">
              <w:rPr>
                <w:rFonts w:ascii="Consolas" w:eastAsia="Times New Roman" w:hAnsi="Consolas" w:cs="Courier New"/>
                <w:color w:val="6A8759"/>
                <w:sz w:val="20"/>
                <w:szCs w:val="20"/>
              </w:rPr>
              <w:t>'templates'</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APP_DIRS'</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CC7832"/>
                <w:sz w:val="20"/>
                <w:szCs w:val="20"/>
              </w:rPr>
              <w:t>True,</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OPTIONS'</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context_processors'</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django.template.context_processors.debug'</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jango.template.context_processors.reques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jango.contrib.auth.context_processors.auth'</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jango.contrib.messages.context_processors.messages'</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r>
            <w:r w:rsidRPr="00F856F5">
              <w:rPr>
                <w:rFonts w:ascii="Consolas" w:eastAsia="Times New Roman" w:hAnsi="Consolas" w:cs="Courier New"/>
                <w:color w:val="A9B7C6"/>
                <w:sz w:val="20"/>
                <w:szCs w:val="20"/>
              </w:rPr>
              <w:t>]</w:t>
            </w:r>
          </w:p>
          <w:p w14:paraId="738A9641" w14:textId="77777777" w:rsidR="00F856F5" w:rsidRDefault="00F856F5" w:rsidP="00884C33">
            <w:pPr>
              <w:rPr>
                <w:b/>
              </w:rPr>
            </w:pPr>
          </w:p>
        </w:tc>
      </w:tr>
    </w:tbl>
    <w:p w14:paraId="2FC2DE38" w14:textId="77777777" w:rsidR="00F856F5" w:rsidRPr="00884C33" w:rsidRDefault="00F856F5" w:rsidP="00884C33">
      <w:pPr>
        <w:rPr>
          <w:b/>
        </w:rPr>
      </w:pPr>
    </w:p>
    <w:p w14:paraId="455FB606" w14:textId="10DFA763" w:rsidR="00987253" w:rsidRDefault="00A50581" w:rsidP="00987253">
      <w:pPr>
        <w:rPr>
          <w:b/>
        </w:rPr>
      </w:pPr>
      <w:r>
        <w:rPr>
          <w:b/>
        </w:rPr>
        <w:t>Views.py</w:t>
      </w:r>
    </w:p>
    <w:tbl>
      <w:tblPr>
        <w:tblStyle w:val="TableGrid"/>
        <w:tblW w:w="0" w:type="auto"/>
        <w:tblLook w:val="04A0" w:firstRow="1" w:lastRow="0" w:firstColumn="1" w:lastColumn="0" w:noHBand="0" w:noVBand="1"/>
      </w:tblPr>
      <w:tblGrid>
        <w:gridCol w:w="9350"/>
      </w:tblGrid>
      <w:tr w:rsidR="00A50581" w14:paraId="361760B8" w14:textId="77777777" w:rsidTr="00A50581">
        <w:tc>
          <w:tcPr>
            <w:tcW w:w="9350" w:type="dxa"/>
          </w:tcPr>
          <w:p w14:paraId="6AA9B173" w14:textId="77777777" w:rsidR="00A50581" w:rsidRPr="00A50581" w:rsidRDefault="00A50581" w:rsidP="00A50581">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A50581">
              <w:rPr>
                <w:rFonts w:ascii="Consolas" w:eastAsia="Times New Roman" w:hAnsi="Consolas" w:cs="Courier New"/>
                <w:color w:val="A9B7C6"/>
                <w:sz w:val="20"/>
                <w:szCs w:val="20"/>
              </w:rPr>
              <w:br/>
            </w:r>
            <w:r w:rsidRPr="00A50581">
              <w:rPr>
                <w:rFonts w:ascii="Consolas" w:eastAsia="Times New Roman" w:hAnsi="Consolas" w:cs="Courier New"/>
                <w:color w:val="CC7832"/>
                <w:sz w:val="20"/>
                <w:szCs w:val="20"/>
              </w:rPr>
              <w:t xml:space="preserve">def </w:t>
            </w:r>
            <w:r w:rsidRPr="00A50581">
              <w:rPr>
                <w:rFonts w:ascii="Consolas" w:eastAsia="Times New Roman" w:hAnsi="Consolas" w:cs="Courier New"/>
                <w:color w:val="FFC66D"/>
                <w:sz w:val="20"/>
                <w:szCs w:val="20"/>
              </w:rPr>
              <w:t>handleResponseData1</w:t>
            </w:r>
            <w:r w:rsidRPr="00A50581">
              <w:rPr>
                <w:rFonts w:ascii="Consolas" w:eastAsia="Times New Roman" w:hAnsi="Consolas" w:cs="Courier New"/>
                <w:color w:val="A9B7C6"/>
                <w:sz w:val="20"/>
                <w:szCs w:val="20"/>
              </w:rPr>
              <w:t>(request):</w:t>
            </w:r>
            <w:r w:rsidRPr="00A50581">
              <w:rPr>
                <w:rFonts w:ascii="Consolas" w:eastAsia="Times New Roman" w:hAnsi="Consolas" w:cs="Courier New"/>
                <w:color w:val="A9B7C6"/>
                <w:sz w:val="20"/>
                <w:szCs w:val="20"/>
              </w:rPr>
              <w:br/>
              <w:t xml:space="preserve">    </w:t>
            </w:r>
            <w:r w:rsidRPr="00A50581">
              <w:rPr>
                <w:rFonts w:ascii="Consolas" w:eastAsia="Times New Roman" w:hAnsi="Consolas" w:cs="Courier New"/>
                <w:color w:val="CC7832"/>
                <w:sz w:val="20"/>
                <w:szCs w:val="20"/>
              </w:rPr>
              <w:t xml:space="preserve">return </w:t>
            </w:r>
            <w:r w:rsidRPr="00A50581">
              <w:rPr>
                <w:rFonts w:ascii="Consolas" w:eastAsia="Times New Roman" w:hAnsi="Consolas" w:cs="Courier New"/>
                <w:color w:val="A9B7C6"/>
                <w:sz w:val="20"/>
                <w:szCs w:val="20"/>
              </w:rPr>
              <w:t>render(request</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6A8759"/>
                <w:sz w:val="20"/>
                <w:szCs w:val="20"/>
              </w:rPr>
              <w:t>"helloResponse1.html"</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data"</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hi from backend"</w:t>
            </w:r>
            <w:r w:rsidRPr="00A50581">
              <w:rPr>
                <w:rFonts w:ascii="Consolas" w:eastAsia="Times New Roman" w:hAnsi="Consolas" w:cs="Courier New"/>
                <w:color w:val="A9B7C6"/>
                <w:sz w:val="20"/>
                <w:szCs w:val="20"/>
              </w:rPr>
              <w:t>})</w:t>
            </w:r>
          </w:p>
          <w:p w14:paraId="17FBE89C" w14:textId="77777777" w:rsidR="00A50581" w:rsidRDefault="00A50581" w:rsidP="00987253">
            <w:pPr>
              <w:rPr>
                <w:b/>
              </w:rPr>
            </w:pPr>
          </w:p>
        </w:tc>
      </w:tr>
    </w:tbl>
    <w:p w14:paraId="6F25449F" w14:textId="77777777" w:rsidR="00A50581" w:rsidRPr="00987253" w:rsidRDefault="00A50581" w:rsidP="00987253">
      <w:pPr>
        <w:rPr>
          <w:b/>
        </w:rPr>
      </w:pPr>
    </w:p>
    <w:p w14:paraId="66BEC1B6" w14:textId="5D16E198" w:rsidR="00987253" w:rsidRDefault="00987253" w:rsidP="00787C96"/>
    <w:p w14:paraId="51D97E93" w14:textId="1FD9BEFF" w:rsidR="00787C96" w:rsidRDefault="00787C96" w:rsidP="00787C96"/>
    <w:p w14:paraId="7F80FE32" w14:textId="12A4C1E6" w:rsidR="00787C96" w:rsidRDefault="00787C96" w:rsidP="00787C96"/>
    <w:p w14:paraId="55AF403D" w14:textId="3F403A07" w:rsidR="00787C96" w:rsidRDefault="00787C96" w:rsidP="00787C96"/>
    <w:p w14:paraId="1DFEFE87" w14:textId="5A774EAB" w:rsidR="00787C96" w:rsidRDefault="00787C96" w:rsidP="00787C96"/>
    <w:p w14:paraId="2E11D6DB" w14:textId="7D6C5623" w:rsidR="00787C96" w:rsidRDefault="00787C96" w:rsidP="00787C96"/>
    <w:p w14:paraId="403180F7" w14:textId="462D4E22" w:rsidR="00787C96" w:rsidRDefault="00787C96" w:rsidP="00787C96"/>
    <w:p w14:paraId="531B565A" w14:textId="5ACC9907" w:rsidR="00787C96" w:rsidRDefault="00787C96" w:rsidP="00787C96"/>
    <w:p w14:paraId="761795AE" w14:textId="01D622E2" w:rsidR="00787C96" w:rsidRDefault="00787C96" w:rsidP="00787C96"/>
    <w:p w14:paraId="0F04F685" w14:textId="4C720B8F" w:rsidR="00787C96" w:rsidRDefault="00787C96" w:rsidP="00787C96"/>
    <w:p w14:paraId="4E32431E" w14:textId="7945AB63" w:rsidR="00787C96" w:rsidRDefault="00787C96" w:rsidP="00787C96"/>
    <w:p w14:paraId="00CCFED6" w14:textId="5359139C" w:rsidR="00787C96" w:rsidRDefault="00787C96" w:rsidP="00787C96"/>
    <w:p w14:paraId="1418D38D" w14:textId="7DC66271" w:rsidR="00042C7E" w:rsidRDefault="00042C7E" w:rsidP="00787C96"/>
    <w:p w14:paraId="3EBB940B" w14:textId="3D2B41BD" w:rsidR="0077492F" w:rsidRDefault="0077492F" w:rsidP="00787C96"/>
    <w:p w14:paraId="3F85BE09" w14:textId="351A3C14" w:rsidR="0077492F" w:rsidRDefault="0077492F" w:rsidP="00787C96"/>
    <w:p w14:paraId="4A7F98BE" w14:textId="3CB9DBAC" w:rsidR="0077492F" w:rsidRDefault="0077492F" w:rsidP="00787C96"/>
    <w:p w14:paraId="412D26DB" w14:textId="59C1994F" w:rsidR="0077492F" w:rsidRDefault="0077492F" w:rsidP="00787C96"/>
    <w:p w14:paraId="732345C3" w14:textId="76D737C5" w:rsidR="0077492F" w:rsidRDefault="0077492F" w:rsidP="00787C96"/>
    <w:p w14:paraId="39838A5C" w14:textId="25262B4B" w:rsidR="0077492F" w:rsidRDefault="0077492F" w:rsidP="00787C96"/>
    <w:p w14:paraId="4457B1F7" w14:textId="77777777" w:rsidR="0077492F" w:rsidRDefault="0077492F" w:rsidP="00787C96"/>
    <w:p w14:paraId="460432EB" w14:textId="1BFB55D7" w:rsidR="00787C96" w:rsidRDefault="00787C96" w:rsidP="00305B99">
      <w:pPr>
        <w:pStyle w:val="Heading1"/>
      </w:pPr>
      <w:bookmarkStart w:id="6" w:name="_Toc29831924"/>
      <w:r w:rsidRPr="00787C96">
        <w:t>Reusability in htmls:</w:t>
      </w:r>
      <w:bookmarkEnd w:id="6"/>
    </w:p>
    <w:p w14:paraId="3A26AC68" w14:textId="00584E31" w:rsidR="00787C96" w:rsidRDefault="00787C96" w:rsidP="00787C96">
      <w:pPr>
        <w:rPr>
          <w:b/>
          <w:u w:val="single"/>
        </w:rPr>
      </w:pPr>
    </w:p>
    <w:p w14:paraId="56BC5117" w14:textId="5DFCC7CD" w:rsidR="00FD3AF9" w:rsidRDefault="00FD3AF9" w:rsidP="00787C96">
      <w:r w:rsidRPr="00FD3AF9">
        <w:t>commonS</w:t>
      </w:r>
      <w:r w:rsidR="00F04DB5">
        <w:t>ho</w:t>
      </w:r>
      <w:r w:rsidRPr="00FD3AF9">
        <w:t>w</w:t>
      </w:r>
      <w:r>
        <w:t>.html</w:t>
      </w:r>
    </w:p>
    <w:tbl>
      <w:tblPr>
        <w:tblStyle w:val="TableGrid"/>
        <w:tblW w:w="0" w:type="auto"/>
        <w:tblLook w:val="04A0" w:firstRow="1" w:lastRow="0" w:firstColumn="1" w:lastColumn="0" w:noHBand="0" w:noVBand="1"/>
      </w:tblPr>
      <w:tblGrid>
        <w:gridCol w:w="9350"/>
      </w:tblGrid>
      <w:tr w:rsidR="00FD3AF9" w14:paraId="22BD70C4" w14:textId="77777777" w:rsidTr="00FD3AF9">
        <w:tc>
          <w:tcPr>
            <w:tcW w:w="9350" w:type="dxa"/>
          </w:tcPr>
          <w:p w14:paraId="6A6403CA"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E8BF6A"/>
                <w:sz w:val="20"/>
                <w:szCs w:val="20"/>
              </w:rPr>
              <w:t xml:space="preserve">&lt;!DOCTYPE </w:t>
            </w:r>
            <w:r w:rsidRPr="00FD3AF9">
              <w:rPr>
                <w:rFonts w:ascii="Consolas" w:eastAsia="Times New Roman" w:hAnsi="Consolas" w:cs="Courier New"/>
                <w:color w:val="BABABA"/>
                <w:sz w:val="20"/>
                <w:szCs w:val="20"/>
              </w:rPr>
              <w:t>html</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lt;html </w:t>
            </w:r>
            <w:r w:rsidRPr="00FD3AF9">
              <w:rPr>
                <w:rFonts w:ascii="Consolas" w:eastAsia="Times New Roman" w:hAnsi="Consolas" w:cs="Courier New"/>
                <w:color w:val="BABABA"/>
                <w:sz w:val="20"/>
                <w:szCs w:val="20"/>
              </w:rPr>
              <w:t>lang</w:t>
            </w:r>
            <w:r w:rsidRPr="00FD3AF9">
              <w:rPr>
                <w:rFonts w:ascii="Consolas" w:eastAsia="Times New Roman" w:hAnsi="Consolas" w:cs="Courier New"/>
                <w:color w:val="A5C261"/>
                <w:sz w:val="20"/>
                <w:szCs w:val="20"/>
              </w:rPr>
              <w:t>="en"</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 xml:space="preserve">    &lt;meta </w:t>
            </w:r>
            <w:r w:rsidRPr="00FD3AF9">
              <w:rPr>
                <w:rFonts w:ascii="Consolas" w:eastAsia="Times New Roman" w:hAnsi="Consolas" w:cs="Courier New"/>
                <w:color w:val="BABABA"/>
                <w:sz w:val="20"/>
                <w:szCs w:val="20"/>
              </w:rPr>
              <w:t>charset</w:t>
            </w:r>
            <w:r w:rsidRPr="00FD3AF9">
              <w:rPr>
                <w:rFonts w:ascii="Consolas" w:eastAsia="Times New Roman" w:hAnsi="Consolas" w:cs="Courier New"/>
                <w:color w:val="A5C261"/>
                <w:sz w:val="20"/>
                <w:szCs w:val="20"/>
              </w:rPr>
              <w:t>="UTF-8"</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    &lt;title&gt;</w:t>
            </w:r>
            <w:r w:rsidRPr="00FD3AF9">
              <w:rPr>
                <w:rFonts w:ascii="Consolas" w:eastAsia="Times New Roman" w:hAnsi="Consolas" w:cs="Courier New"/>
                <w:color w:val="A9B7C6"/>
                <w:sz w:val="20"/>
                <w:szCs w:val="20"/>
              </w:rPr>
              <w:t>Common</w:t>
            </w:r>
            <w:r w:rsidRPr="00FD3AF9">
              <w:rPr>
                <w:rFonts w:ascii="Consolas" w:eastAsia="Times New Roman" w:hAnsi="Consolas" w:cs="Courier New"/>
                <w:color w:val="E8BF6A"/>
                <w:sz w:val="20"/>
                <w:szCs w:val="20"/>
              </w:rPr>
              <w:t>&lt;/title&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lt;body&gt;</w:t>
            </w:r>
            <w:r w:rsidRPr="00FD3AF9">
              <w:rPr>
                <w:rFonts w:ascii="Consolas" w:eastAsia="Times New Roman" w:hAnsi="Consolas" w:cs="Courier New"/>
                <w:color w:val="E8BF6A"/>
                <w:sz w:val="20"/>
                <w:szCs w:val="20"/>
              </w:rPr>
              <w:br/>
            </w:r>
            <w:r w:rsidRPr="00FD3AF9">
              <w:rPr>
                <w:rFonts w:ascii="Consolas" w:eastAsia="Times New Roman" w:hAnsi="Consolas" w:cs="Courier New"/>
                <w:color w:val="E8BF6A"/>
                <w:sz w:val="20"/>
                <w:szCs w:val="20"/>
              </w:rPr>
              <w:br/>
            </w:r>
            <w:r w:rsidRPr="00FD3AF9">
              <w:rPr>
                <w:rFonts w:ascii="Consolas" w:eastAsia="Times New Roman" w:hAnsi="Consolas" w:cs="Courier New"/>
                <w:color w:val="A9B7C6"/>
                <w:sz w:val="20"/>
                <w:szCs w:val="20"/>
              </w:rPr>
              <w:t>hello ..</w:t>
            </w:r>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endblock %}</w:t>
            </w:r>
            <w:r w:rsidRPr="00FD3AF9">
              <w:rPr>
                <w:rFonts w:ascii="Consolas" w:eastAsia="Times New Roman" w:hAnsi="Consolas" w:cs="Courier New"/>
                <w:color w:val="A9B7C6"/>
                <w:sz w:val="20"/>
                <w:szCs w:val="20"/>
              </w:rPr>
              <w:br/>
              <w:t>bye</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r>
            <w:r w:rsidRPr="00FD3AF9">
              <w:rPr>
                <w:rFonts w:ascii="Consolas" w:eastAsia="Times New Roman" w:hAnsi="Consolas" w:cs="Courier New"/>
                <w:color w:val="E8BF6A"/>
                <w:sz w:val="20"/>
                <w:szCs w:val="20"/>
              </w:rPr>
              <w:t>&lt;/body&gt;</w:t>
            </w:r>
            <w:r w:rsidRPr="00FD3AF9">
              <w:rPr>
                <w:rFonts w:ascii="Consolas" w:eastAsia="Times New Roman" w:hAnsi="Consolas" w:cs="Courier New"/>
                <w:color w:val="E8BF6A"/>
                <w:sz w:val="20"/>
                <w:szCs w:val="20"/>
              </w:rPr>
              <w:br/>
              <w:t>&lt;/html&gt;</w:t>
            </w:r>
          </w:p>
          <w:p w14:paraId="7D398558" w14:textId="77777777" w:rsidR="00FD3AF9" w:rsidRDefault="00FD3AF9" w:rsidP="00787C96"/>
        </w:tc>
      </w:tr>
    </w:tbl>
    <w:p w14:paraId="4E13418F" w14:textId="77777777" w:rsidR="00FD3AF9" w:rsidRPr="00FD3AF9" w:rsidRDefault="00FD3AF9" w:rsidP="00787C96"/>
    <w:p w14:paraId="018C81A7" w14:textId="065692CD" w:rsidR="00BD723D" w:rsidRDefault="00BD723D" w:rsidP="00787C96">
      <w:pPr>
        <w:rPr>
          <w:b/>
          <w:u w:val="single"/>
        </w:rPr>
      </w:pPr>
    </w:p>
    <w:p w14:paraId="366E82E2" w14:textId="590EAF14" w:rsidR="00787C96" w:rsidRDefault="00BD723D" w:rsidP="00787C96">
      <w:r>
        <w:t>Show1.html</w:t>
      </w:r>
    </w:p>
    <w:tbl>
      <w:tblPr>
        <w:tblStyle w:val="TableGrid"/>
        <w:tblW w:w="0" w:type="auto"/>
        <w:tblLook w:val="04A0" w:firstRow="1" w:lastRow="0" w:firstColumn="1" w:lastColumn="0" w:noHBand="0" w:noVBand="1"/>
      </w:tblPr>
      <w:tblGrid>
        <w:gridCol w:w="9350"/>
      </w:tblGrid>
      <w:tr w:rsidR="00BD723D" w14:paraId="56873FCF" w14:textId="77777777" w:rsidTr="00BD723D">
        <w:tc>
          <w:tcPr>
            <w:tcW w:w="9350" w:type="dxa"/>
          </w:tcPr>
          <w:p w14:paraId="4379F626" w14:textId="77777777" w:rsidR="00BD723D" w:rsidRPr="00BD723D" w:rsidRDefault="00BD723D" w:rsidP="00BD723D">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40"/>
              <w:rPr>
                <w:rFonts w:ascii="Consolas" w:eastAsia="Times New Roman" w:hAnsi="Consolas" w:cs="Courier New"/>
                <w:color w:val="A9B7C6"/>
                <w:sz w:val="20"/>
                <w:szCs w:val="20"/>
              </w:rPr>
            </w:pPr>
            <w:r w:rsidRPr="00BD723D">
              <w:rPr>
                <w:rFonts w:ascii="Consolas" w:eastAsia="Times New Roman" w:hAnsi="Consolas" w:cs="Courier New"/>
                <w:color w:val="A9B7C6"/>
                <w:sz w:val="20"/>
                <w:szCs w:val="20"/>
              </w:rPr>
              <w:t>{% extends 'commonShow.html' %}</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block content%}</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hello user</w:t>
            </w:r>
            <w:r w:rsidRPr="00BD723D">
              <w:rPr>
                <w:rFonts w:ascii="Consolas" w:eastAsia="Times New Roman" w:hAnsi="Consolas" w:cs="Courier New"/>
                <w:color w:val="A9B7C6"/>
                <w:sz w:val="20"/>
                <w:szCs w:val="20"/>
              </w:rPr>
              <w:br/>
              <w:t>{{name}}</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endblock %}</w:t>
            </w:r>
            <w:r w:rsidRPr="00BD723D">
              <w:rPr>
                <w:rFonts w:ascii="Consolas" w:eastAsia="Times New Roman" w:hAnsi="Consolas" w:cs="Courier New"/>
                <w:color w:val="A9B7C6"/>
                <w:sz w:val="20"/>
                <w:szCs w:val="20"/>
              </w:rPr>
              <w:br/>
            </w:r>
          </w:p>
          <w:p w14:paraId="30C0263A" w14:textId="77777777" w:rsidR="00BD723D" w:rsidRDefault="00BD723D" w:rsidP="00787C96"/>
        </w:tc>
      </w:tr>
    </w:tbl>
    <w:p w14:paraId="565EF729" w14:textId="77777777" w:rsidR="00BD723D" w:rsidRPr="00BD723D" w:rsidRDefault="00BD723D" w:rsidP="00787C96"/>
    <w:p w14:paraId="4FD47FA5" w14:textId="44F56A4C" w:rsidR="00787C96" w:rsidRDefault="00FD3AF9" w:rsidP="00787C96">
      <w:r>
        <w:t>Show2.html</w:t>
      </w:r>
    </w:p>
    <w:tbl>
      <w:tblPr>
        <w:tblStyle w:val="TableGrid"/>
        <w:tblW w:w="0" w:type="auto"/>
        <w:tblLook w:val="04A0" w:firstRow="1" w:lastRow="0" w:firstColumn="1" w:lastColumn="0" w:noHBand="0" w:noVBand="1"/>
      </w:tblPr>
      <w:tblGrid>
        <w:gridCol w:w="9350"/>
      </w:tblGrid>
      <w:tr w:rsidR="00FD3AF9" w14:paraId="31618698" w14:textId="77777777" w:rsidTr="00FD3AF9">
        <w:tc>
          <w:tcPr>
            <w:tcW w:w="9350" w:type="dxa"/>
          </w:tcPr>
          <w:p w14:paraId="7599306B"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A9B7C6"/>
                <w:sz w:val="20"/>
                <w:szCs w:val="20"/>
              </w:rPr>
              <w:t>{% extends 'commonShow.html' %}</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t>hello user</w:t>
            </w:r>
            <w:r w:rsidRPr="00FD3AF9">
              <w:rPr>
                <w:rFonts w:ascii="Consolas" w:eastAsia="Times New Roman" w:hAnsi="Consolas" w:cs="Courier New"/>
                <w:color w:val="A9B7C6"/>
                <w:sz w:val="20"/>
                <w:szCs w:val="20"/>
              </w:rPr>
              <w:br/>
              <w:t>{{id}}</w:t>
            </w:r>
            <w:r w:rsidRPr="00FD3AF9">
              <w:rPr>
                <w:rFonts w:ascii="Consolas" w:eastAsia="Times New Roman" w:hAnsi="Consolas" w:cs="Courier New"/>
                <w:color w:val="A9B7C6"/>
                <w:sz w:val="20"/>
                <w:szCs w:val="20"/>
              </w:rPr>
              <w:br/>
              <w:t xml:space="preserve"> {% endblock %}</w:t>
            </w:r>
          </w:p>
          <w:p w14:paraId="4EB92F89" w14:textId="77777777" w:rsidR="00FD3AF9" w:rsidRDefault="00FD3AF9" w:rsidP="00787C96"/>
        </w:tc>
      </w:tr>
    </w:tbl>
    <w:p w14:paraId="6992F170" w14:textId="6E346098" w:rsidR="00FD3AF9" w:rsidRDefault="00FD3AF9" w:rsidP="00787C96"/>
    <w:p w14:paraId="6A6A942A" w14:textId="6907C72B" w:rsidR="0098366B" w:rsidRDefault="0098366B" w:rsidP="00787C96"/>
    <w:p w14:paraId="6A70BA20" w14:textId="01A140FC" w:rsidR="00AE1952" w:rsidRDefault="00AE1952" w:rsidP="00787C96"/>
    <w:p w14:paraId="2246B17B" w14:textId="0D137C6D" w:rsidR="00AE1952" w:rsidRDefault="00AE1952" w:rsidP="00787C96"/>
    <w:p w14:paraId="3F991E2D" w14:textId="70278BDC" w:rsidR="00AE1952" w:rsidRDefault="00AE1952" w:rsidP="00787C96"/>
    <w:p w14:paraId="382D6179" w14:textId="40011DD2" w:rsidR="00AE1952" w:rsidRDefault="00AE1952" w:rsidP="00787C96"/>
    <w:p w14:paraId="05E1EA58" w14:textId="46E7D868" w:rsidR="00AE1952" w:rsidRDefault="00AE1952" w:rsidP="00787C96"/>
    <w:p w14:paraId="4765EE97" w14:textId="2C7EE468" w:rsidR="00AE1952" w:rsidRDefault="00AE1952" w:rsidP="00787C96"/>
    <w:p w14:paraId="1B0D438C" w14:textId="66E51C90" w:rsidR="00AE1952" w:rsidRDefault="00AE1952" w:rsidP="00787C96"/>
    <w:p w14:paraId="7E859DD2" w14:textId="67047580" w:rsidR="00AE1952" w:rsidRDefault="00AE1952" w:rsidP="00787C96"/>
    <w:p w14:paraId="311CA537" w14:textId="32FAF02B" w:rsidR="00AE1952" w:rsidRDefault="00AE1952" w:rsidP="00787C96"/>
    <w:p w14:paraId="5FDC7C82" w14:textId="28A16DBB" w:rsidR="00AE1952" w:rsidRDefault="00AE1952" w:rsidP="00787C96"/>
    <w:p w14:paraId="53FB64FE" w14:textId="6E5E37BE" w:rsidR="00AE1952" w:rsidRDefault="00AE1952" w:rsidP="00787C96"/>
    <w:p w14:paraId="2F8D5B33" w14:textId="5CF09203" w:rsidR="00AE1952" w:rsidRDefault="00AE1952" w:rsidP="00787C96"/>
    <w:p w14:paraId="141E58CE" w14:textId="6B4196E6" w:rsidR="00AE1952" w:rsidRDefault="00AE1952" w:rsidP="00787C96"/>
    <w:p w14:paraId="4E46DB02" w14:textId="0F4CB379" w:rsidR="00AE1952" w:rsidRDefault="00AE1952" w:rsidP="00787C96"/>
    <w:p w14:paraId="0C8DD0F9" w14:textId="379693C9" w:rsidR="00AE1952" w:rsidRDefault="00AE1952" w:rsidP="00787C96"/>
    <w:p w14:paraId="26B049C2" w14:textId="540A52BE" w:rsidR="00AE1952" w:rsidRDefault="00AE1952" w:rsidP="00787C96"/>
    <w:p w14:paraId="2B1536DD" w14:textId="67E68F14" w:rsidR="00AE1952" w:rsidRDefault="00AE1952" w:rsidP="00787C96"/>
    <w:p w14:paraId="130BE775" w14:textId="4ABB2A47" w:rsidR="00AE1952" w:rsidRDefault="00AE1952" w:rsidP="00787C96"/>
    <w:p w14:paraId="0951B72B" w14:textId="1EECAA24" w:rsidR="00AE1952" w:rsidRDefault="00AE1952" w:rsidP="00787C96"/>
    <w:p w14:paraId="7847DF6C" w14:textId="785322D9" w:rsidR="00AE1952" w:rsidRDefault="00AE1952" w:rsidP="00787C96"/>
    <w:p w14:paraId="286CDF56" w14:textId="73C0AD7F" w:rsidR="00AE1952" w:rsidRDefault="00AE1952" w:rsidP="00787C96"/>
    <w:p w14:paraId="41CCD760" w14:textId="6A6F49A0" w:rsidR="00AE1952" w:rsidRDefault="00AE1952" w:rsidP="00787C96"/>
    <w:p w14:paraId="4A687177" w14:textId="23D5C31D" w:rsidR="00AE1952" w:rsidRDefault="00AE1952" w:rsidP="00787C96"/>
    <w:p w14:paraId="5AAB040E" w14:textId="13FBFDB0" w:rsidR="00AE1952" w:rsidRDefault="00AE1952" w:rsidP="00787C96"/>
    <w:p w14:paraId="453FF3A6" w14:textId="2F1D51F3" w:rsidR="001B1E57" w:rsidRDefault="001B1E57" w:rsidP="00787C96"/>
    <w:p w14:paraId="12DD9924" w14:textId="5A48C6F4" w:rsidR="001B1E57" w:rsidRDefault="001B1E57" w:rsidP="00787C96"/>
    <w:p w14:paraId="3505666B" w14:textId="2B36E04D" w:rsidR="001B1E57" w:rsidRDefault="001B1E57" w:rsidP="00787C96"/>
    <w:p w14:paraId="7347C41C" w14:textId="77777777" w:rsidR="001B1E57" w:rsidRDefault="001B1E57" w:rsidP="00787C96"/>
    <w:p w14:paraId="72162E82" w14:textId="58033061" w:rsidR="0098366B" w:rsidRDefault="0098366B" w:rsidP="00787C96"/>
    <w:p w14:paraId="0D63DC86" w14:textId="160550F6" w:rsidR="0098366B" w:rsidRPr="0098366B" w:rsidRDefault="0098366B" w:rsidP="00AE1952">
      <w:pPr>
        <w:pStyle w:val="Heading1"/>
      </w:pPr>
      <w:bookmarkStart w:id="7" w:name="_Toc29831925"/>
      <w:r w:rsidRPr="0098366B">
        <w:t>Request capturing:</w:t>
      </w:r>
      <w:bookmarkEnd w:id="7"/>
    </w:p>
    <w:p w14:paraId="329F29CD" w14:textId="361AC23F" w:rsidR="0098366B" w:rsidRDefault="002F24AE" w:rsidP="00787C96">
      <w:r>
        <w:t>P1</w:t>
      </w:r>
      <w:r w:rsidR="0098366B">
        <w:t xml:space="preserve"> = Request.GET[‘n1’]</w:t>
      </w:r>
    </w:p>
    <w:p w14:paraId="3A85903C" w14:textId="6AEA322C" w:rsidR="002F24AE" w:rsidRDefault="002F24AE" w:rsidP="002F24AE">
      <w:r>
        <w:t>P2 = Request.POST[‘n1’]</w:t>
      </w:r>
    </w:p>
    <w:p w14:paraId="3593C0EA" w14:textId="005C9F76" w:rsidR="00C52CC0" w:rsidRDefault="00C52CC0" w:rsidP="002F24AE"/>
    <w:p w14:paraId="7C5E2C28" w14:textId="5043541B" w:rsidR="00C52CC0" w:rsidRDefault="00C52CC0" w:rsidP="002F24AE">
      <w:r>
        <w:t>Get Form:</w:t>
      </w:r>
    </w:p>
    <w:tbl>
      <w:tblPr>
        <w:tblStyle w:val="TableGrid"/>
        <w:tblW w:w="0" w:type="auto"/>
        <w:tblLook w:val="04A0" w:firstRow="1" w:lastRow="0" w:firstColumn="1" w:lastColumn="0" w:noHBand="0" w:noVBand="1"/>
      </w:tblPr>
      <w:tblGrid>
        <w:gridCol w:w="9350"/>
      </w:tblGrid>
      <w:tr w:rsidR="00487224" w14:paraId="6A135685" w14:textId="77777777" w:rsidTr="00487224">
        <w:tc>
          <w:tcPr>
            <w:tcW w:w="9350" w:type="dxa"/>
          </w:tcPr>
          <w:p w14:paraId="473C2990" w14:textId="0648CB71" w:rsid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487224">
              <w:rPr>
                <w:rFonts w:ascii="Consolas" w:eastAsia="Times New Roman" w:hAnsi="Consolas" w:cs="Courier New"/>
                <w:color w:val="E8BF6A"/>
                <w:sz w:val="20"/>
                <w:szCs w:val="20"/>
              </w:rPr>
              <w:br/>
              <w:t xml:space="preserve">      &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deptLbl"</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deptLbl"</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r w:rsidRPr="00487224">
              <w:rPr>
                <w:rFonts w:ascii="Consolas" w:eastAsia="Times New Roman" w:hAnsi="Consolas" w:cs="Courier New"/>
                <w:color w:val="BABABA"/>
                <w:sz w:val="20"/>
                <w:szCs w:val="20"/>
              </w:rPr>
              <w:t>colspan</w:t>
            </w:r>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form&gt;</w:t>
            </w:r>
            <w:r w:rsidRPr="00487224">
              <w:rPr>
                <w:rFonts w:ascii="Consolas" w:eastAsia="Times New Roman" w:hAnsi="Consolas" w:cs="Courier New"/>
                <w:color w:val="E8BF6A"/>
                <w:sz w:val="20"/>
                <w:szCs w:val="20"/>
              </w:rPr>
              <w:br/>
            </w:r>
          </w:p>
        </w:tc>
      </w:tr>
    </w:tbl>
    <w:p w14:paraId="41FE68AC" w14:textId="580278A8" w:rsidR="00C52CC0" w:rsidRDefault="00C52CC0" w:rsidP="002F24AE"/>
    <w:p w14:paraId="71DBADA1" w14:textId="13A0E936" w:rsidR="00C52CC0" w:rsidRDefault="00C52CC0" w:rsidP="002F24AE"/>
    <w:p w14:paraId="1F1F6980" w14:textId="13472F69" w:rsidR="00C52CC0" w:rsidRDefault="00C52CC0" w:rsidP="002F24AE"/>
    <w:p w14:paraId="2CF278CE" w14:textId="6D11505F" w:rsidR="00487224" w:rsidRDefault="00487224" w:rsidP="002F24AE"/>
    <w:p w14:paraId="4C454F09" w14:textId="19F5F64C" w:rsidR="00487224" w:rsidRDefault="00487224" w:rsidP="002F24AE"/>
    <w:p w14:paraId="0BF675EA" w14:textId="09163D3F" w:rsidR="00487224" w:rsidRDefault="00487224" w:rsidP="002F24AE"/>
    <w:p w14:paraId="353845F2" w14:textId="4AE02743" w:rsidR="00487224" w:rsidRDefault="00487224" w:rsidP="002F24AE"/>
    <w:p w14:paraId="144F00B8" w14:textId="77777777" w:rsidR="00487224" w:rsidRDefault="00487224" w:rsidP="002F24AE"/>
    <w:p w14:paraId="2CF8E157" w14:textId="0C39F0B2" w:rsidR="00C52CC0" w:rsidRDefault="00C52CC0" w:rsidP="002F24AE">
      <w:r>
        <w:t>Post Form:</w:t>
      </w:r>
    </w:p>
    <w:p w14:paraId="25D39FBA" w14:textId="77777777" w:rsidR="00C52CC0" w:rsidRDefault="00C52CC0" w:rsidP="002F24AE"/>
    <w:tbl>
      <w:tblPr>
        <w:tblStyle w:val="TableGrid"/>
        <w:tblW w:w="0" w:type="auto"/>
        <w:tblLook w:val="04A0" w:firstRow="1" w:lastRow="0" w:firstColumn="1" w:lastColumn="0" w:noHBand="0" w:noVBand="1"/>
      </w:tblPr>
      <w:tblGrid>
        <w:gridCol w:w="9350"/>
      </w:tblGrid>
      <w:tr w:rsidR="00487224" w14:paraId="0A332D60" w14:textId="77777777" w:rsidTr="00487224">
        <w:tc>
          <w:tcPr>
            <w:tcW w:w="9350" w:type="dxa"/>
          </w:tcPr>
          <w:p w14:paraId="39839FED" w14:textId="77777777" w:rsidR="004024B0"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E8BF6A"/>
                <w:sz w:val="20"/>
                <w:szCs w:val="20"/>
              </w:rPr>
              <w:t xml:space="preserve">&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BABABA"/>
                <w:sz w:val="20"/>
                <w:szCs w:val="20"/>
              </w:rPr>
              <w:t>method</w:t>
            </w:r>
            <w:r w:rsidRPr="00487224">
              <w:rPr>
                <w:rFonts w:ascii="Consolas" w:eastAsia="Times New Roman" w:hAnsi="Consolas" w:cs="Courier New"/>
                <w:color w:val="A5C261"/>
                <w:sz w:val="20"/>
                <w:szCs w:val="20"/>
              </w:rPr>
              <w:t>="pos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w:t>
            </w:r>
            <w:r w:rsidRPr="00487224">
              <w:rPr>
                <w:rFonts w:ascii="Consolas" w:eastAsia="Times New Roman" w:hAnsi="Consolas" w:cs="Courier New"/>
                <w:color w:val="A9B7C6"/>
                <w:sz w:val="20"/>
                <w:szCs w:val="20"/>
              </w:rPr>
              <w:t xml:space="preserve">{% csrf_token %}   </w:t>
            </w:r>
          </w:p>
          <w:p w14:paraId="484A4005" w14:textId="2A1D1A38" w:rsidR="00487224" w:rsidRP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808080"/>
                <w:sz w:val="20"/>
                <w:szCs w:val="20"/>
              </w:rPr>
              <w:t>&lt;!-- to avoid csrf attack ; by default django provides the csrfviewmiddelware--&gt;</w:t>
            </w:r>
            <w:r w:rsidRPr="00487224">
              <w:rPr>
                <w:rFonts w:ascii="Consolas" w:eastAsia="Times New Roman" w:hAnsi="Consolas" w:cs="Courier New"/>
                <w:color w:val="808080"/>
                <w:sz w:val="20"/>
                <w:szCs w:val="20"/>
              </w:rPr>
              <w:br/>
              <w:t xml:space="preserve">      </w:t>
            </w:r>
            <w:r w:rsidRPr="00487224">
              <w:rPr>
                <w:rFonts w:ascii="Consolas" w:eastAsia="Times New Roman" w:hAnsi="Consolas" w:cs="Courier New"/>
                <w:color w:val="E8BF6A"/>
                <w:sz w:val="20"/>
                <w:szCs w:val="20"/>
              </w:rPr>
              <w:t>&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deptLbl"</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deptLbl"</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r w:rsidRPr="00487224">
              <w:rPr>
                <w:rFonts w:ascii="Consolas" w:eastAsia="Times New Roman" w:hAnsi="Consolas" w:cs="Courier New"/>
                <w:color w:val="BABABA"/>
                <w:sz w:val="20"/>
                <w:szCs w:val="20"/>
              </w:rPr>
              <w:t>colspan</w:t>
            </w:r>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lt;/form&gt;</w:t>
            </w:r>
          </w:p>
          <w:p w14:paraId="7E0468BE" w14:textId="77777777" w:rsidR="00487224" w:rsidRDefault="00487224" w:rsidP="00787C96"/>
        </w:tc>
      </w:tr>
    </w:tbl>
    <w:p w14:paraId="3B9ABE5C" w14:textId="77777777" w:rsidR="002F24AE" w:rsidRDefault="002F24AE" w:rsidP="00787C96"/>
    <w:p w14:paraId="7349D0EF" w14:textId="71E166B8" w:rsidR="002F24AE" w:rsidRDefault="002F24AE" w:rsidP="00787C96"/>
    <w:p w14:paraId="6F2E9175" w14:textId="688F3601" w:rsidR="002F24AE" w:rsidRDefault="002F24AE" w:rsidP="00787C96"/>
    <w:p w14:paraId="5917B1FB" w14:textId="7B8E897D" w:rsidR="002F24AE" w:rsidRDefault="002F24AE" w:rsidP="00787C96"/>
    <w:p w14:paraId="73A45C82" w14:textId="1ADD6C8E" w:rsidR="002F24AE" w:rsidRDefault="00487224" w:rsidP="00370041">
      <w:pPr>
        <w:pStyle w:val="Heading1"/>
      </w:pPr>
      <w:bookmarkStart w:id="8" w:name="_Toc29831926"/>
      <w:r w:rsidRPr="00487224">
        <w:t>Configuring welcome page</w:t>
      </w:r>
      <w:bookmarkEnd w:id="8"/>
    </w:p>
    <w:p w14:paraId="3B9A55DC" w14:textId="77777777" w:rsidR="00370041" w:rsidRPr="00370041" w:rsidRDefault="00370041" w:rsidP="00370041"/>
    <w:p w14:paraId="239C9D26" w14:textId="77777777" w:rsidR="002F24AE" w:rsidRPr="002F24AE" w:rsidRDefault="002F24AE" w:rsidP="002F24A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2F24AE">
        <w:rPr>
          <w:rFonts w:ascii="Consolas" w:eastAsia="Times New Roman" w:hAnsi="Consolas" w:cs="Courier New"/>
          <w:color w:val="A9B7C6"/>
          <w:sz w:val="20"/>
          <w:szCs w:val="20"/>
        </w:rPr>
        <w:t>path(</w:t>
      </w:r>
      <w:r w:rsidRPr="002F24AE">
        <w:rPr>
          <w:rFonts w:ascii="Consolas" w:eastAsia="Times New Roman" w:hAnsi="Consolas" w:cs="Courier New"/>
          <w:color w:val="6A8759"/>
          <w:sz w:val="20"/>
          <w:szCs w:val="20"/>
        </w:rPr>
        <w:t>''</w:t>
      </w:r>
      <w:r w:rsidRPr="002F24AE">
        <w:rPr>
          <w:rFonts w:ascii="Consolas" w:eastAsia="Times New Roman" w:hAnsi="Consolas" w:cs="Courier New"/>
          <w:color w:val="CC7832"/>
          <w:sz w:val="20"/>
          <w:szCs w:val="20"/>
        </w:rPr>
        <w:t xml:space="preserve">, </w:t>
      </w:r>
      <w:r w:rsidRPr="002F24AE">
        <w:rPr>
          <w:rFonts w:ascii="Consolas" w:eastAsia="Times New Roman" w:hAnsi="Consolas" w:cs="Courier New"/>
          <w:color w:val="A9B7C6"/>
          <w:sz w:val="20"/>
          <w:szCs w:val="20"/>
        </w:rPr>
        <w:t>views.handleIndex</w:t>
      </w:r>
      <w:r w:rsidRPr="002F24AE">
        <w:rPr>
          <w:rFonts w:ascii="Consolas" w:eastAsia="Times New Roman" w:hAnsi="Consolas" w:cs="Courier New"/>
          <w:color w:val="CC7832"/>
          <w:sz w:val="20"/>
          <w:szCs w:val="20"/>
        </w:rPr>
        <w:t>,</w:t>
      </w:r>
      <w:r w:rsidRPr="002F24AE">
        <w:rPr>
          <w:rFonts w:ascii="Consolas" w:eastAsia="Times New Roman" w:hAnsi="Consolas" w:cs="Courier New"/>
          <w:color w:val="AA4926"/>
          <w:sz w:val="20"/>
          <w:szCs w:val="20"/>
        </w:rPr>
        <w:t>name</w:t>
      </w:r>
      <w:r w:rsidRPr="002F24AE">
        <w:rPr>
          <w:rFonts w:ascii="Consolas" w:eastAsia="Times New Roman" w:hAnsi="Consolas" w:cs="Courier New"/>
          <w:color w:val="A9B7C6"/>
          <w:sz w:val="20"/>
          <w:szCs w:val="20"/>
        </w:rPr>
        <w:t>=</w:t>
      </w:r>
      <w:r w:rsidRPr="002F24AE">
        <w:rPr>
          <w:rFonts w:ascii="Consolas" w:eastAsia="Times New Roman" w:hAnsi="Consolas" w:cs="Courier New"/>
          <w:color w:val="6A8759"/>
          <w:sz w:val="20"/>
          <w:szCs w:val="20"/>
        </w:rPr>
        <w:t>"index page"</w:t>
      </w:r>
      <w:r w:rsidRPr="002F24AE">
        <w:rPr>
          <w:rFonts w:ascii="Consolas" w:eastAsia="Times New Roman" w:hAnsi="Consolas" w:cs="Courier New"/>
          <w:color w:val="A9B7C6"/>
          <w:sz w:val="20"/>
          <w:szCs w:val="20"/>
        </w:rPr>
        <w:t>)</w:t>
      </w:r>
      <w:r w:rsidRPr="002F24AE">
        <w:rPr>
          <w:rFonts w:ascii="Consolas" w:eastAsia="Times New Roman" w:hAnsi="Consolas" w:cs="Courier New"/>
          <w:color w:val="CC7832"/>
          <w:sz w:val="20"/>
          <w:szCs w:val="20"/>
        </w:rPr>
        <w:t xml:space="preserve">,  </w:t>
      </w:r>
      <w:r w:rsidRPr="002F24AE">
        <w:rPr>
          <w:rFonts w:ascii="Consolas" w:eastAsia="Times New Roman" w:hAnsi="Consolas" w:cs="Courier New"/>
          <w:color w:val="808080"/>
          <w:sz w:val="20"/>
          <w:szCs w:val="20"/>
        </w:rPr>
        <w:t>#welcome page</w:t>
      </w:r>
    </w:p>
    <w:p w14:paraId="0FA89E32" w14:textId="082ECE9B" w:rsidR="002F24AE" w:rsidRDefault="002F24AE" w:rsidP="00787C96"/>
    <w:p w14:paraId="06B8D672" w14:textId="7C07877C" w:rsidR="003F46D4" w:rsidRDefault="003F46D4" w:rsidP="00787C96"/>
    <w:p w14:paraId="3878874F" w14:textId="77777777" w:rsidR="003F46D4" w:rsidRPr="003F46D4" w:rsidRDefault="003F46D4" w:rsidP="003F46D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3F46D4">
        <w:rPr>
          <w:rFonts w:ascii="Consolas" w:eastAsia="Times New Roman" w:hAnsi="Consolas" w:cs="Courier New"/>
          <w:color w:val="CC7832"/>
          <w:sz w:val="20"/>
          <w:szCs w:val="20"/>
        </w:rPr>
        <w:t xml:space="preserve">def </w:t>
      </w:r>
      <w:r w:rsidRPr="003F46D4">
        <w:rPr>
          <w:rFonts w:ascii="Consolas" w:eastAsia="Times New Roman" w:hAnsi="Consolas" w:cs="Courier New"/>
          <w:color w:val="FFC66D"/>
          <w:sz w:val="20"/>
          <w:szCs w:val="20"/>
        </w:rPr>
        <w:t>handleIndex</w:t>
      </w:r>
      <w:r w:rsidRPr="003F46D4">
        <w:rPr>
          <w:rFonts w:ascii="Consolas" w:eastAsia="Times New Roman" w:hAnsi="Consolas" w:cs="Courier New"/>
          <w:color w:val="A9B7C6"/>
          <w:sz w:val="20"/>
          <w:szCs w:val="20"/>
        </w:rPr>
        <w:t>(request):</w:t>
      </w:r>
      <w:r w:rsidRPr="003F46D4">
        <w:rPr>
          <w:rFonts w:ascii="Consolas" w:eastAsia="Times New Roman" w:hAnsi="Consolas" w:cs="Courier New"/>
          <w:color w:val="A9B7C6"/>
          <w:sz w:val="20"/>
          <w:szCs w:val="20"/>
        </w:rPr>
        <w:br/>
        <w:t xml:space="preserve">    </w:t>
      </w:r>
      <w:r w:rsidRPr="003F46D4">
        <w:rPr>
          <w:rFonts w:ascii="Consolas" w:eastAsia="Times New Roman" w:hAnsi="Consolas" w:cs="Courier New"/>
          <w:color w:val="CC7832"/>
          <w:sz w:val="20"/>
          <w:szCs w:val="20"/>
        </w:rPr>
        <w:t xml:space="preserve">return </w:t>
      </w:r>
      <w:r w:rsidRPr="003F46D4">
        <w:rPr>
          <w:rFonts w:ascii="Consolas" w:eastAsia="Times New Roman" w:hAnsi="Consolas" w:cs="Courier New"/>
          <w:color w:val="A9B7C6"/>
          <w:sz w:val="20"/>
          <w:szCs w:val="20"/>
        </w:rPr>
        <w:t>render(request</w:t>
      </w:r>
      <w:r w:rsidRPr="003F46D4">
        <w:rPr>
          <w:rFonts w:ascii="Consolas" w:eastAsia="Times New Roman" w:hAnsi="Consolas" w:cs="Courier New"/>
          <w:color w:val="CC7832"/>
          <w:sz w:val="20"/>
          <w:szCs w:val="20"/>
        </w:rPr>
        <w:t xml:space="preserve">, </w:t>
      </w:r>
      <w:r w:rsidRPr="003F46D4">
        <w:rPr>
          <w:rFonts w:ascii="Consolas" w:eastAsia="Times New Roman" w:hAnsi="Consolas" w:cs="Courier New"/>
          <w:color w:val="6A8759"/>
          <w:sz w:val="20"/>
          <w:szCs w:val="20"/>
        </w:rPr>
        <w:t>"index.html"</w:t>
      </w:r>
      <w:r w:rsidRPr="003F46D4">
        <w:rPr>
          <w:rFonts w:ascii="Consolas" w:eastAsia="Times New Roman" w:hAnsi="Consolas" w:cs="Courier New"/>
          <w:color w:val="CC7832"/>
          <w:sz w:val="20"/>
          <w:szCs w:val="20"/>
        </w:rPr>
        <w:t>,</w:t>
      </w:r>
      <w:r w:rsidRPr="003F46D4">
        <w:rPr>
          <w:rFonts w:ascii="Consolas" w:eastAsia="Times New Roman" w:hAnsi="Consolas" w:cs="Courier New"/>
          <w:color w:val="A9B7C6"/>
          <w:sz w:val="20"/>
          <w:szCs w:val="20"/>
        </w:rPr>
        <w:t xml:space="preserve">) </w:t>
      </w:r>
      <w:r w:rsidRPr="003F46D4">
        <w:rPr>
          <w:rFonts w:ascii="Consolas" w:eastAsia="Times New Roman" w:hAnsi="Consolas" w:cs="Courier New"/>
          <w:color w:val="808080"/>
          <w:sz w:val="20"/>
          <w:szCs w:val="20"/>
        </w:rPr>
        <w:t># one page all urls</w:t>
      </w:r>
    </w:p>
    <w:p w14:paraId="47E5A977" w14:textId="126927DB" w:rsidR="003F46D4" w:rsidRDefault="003F46D4" w:rsidP="00787C96"/>
    <w:p w14:paraId="493D6655" w14:textId="4B1EB11E" w:rsidR="00222FFF" w:rsidRDefault="00581E78" w:rsidP="00787C96">
      <w:r>
        <w:t>s</w:t>
      </w:r>
      <w:r w:rsidR="00222FFF">
        <w:t>tatic files</w:t>
      </w:r>
      <w:r w:rsidR="003A759A">
        <w:t xml:space="preserve"> [images , css , javascripts]</w:t>
      </w:r>
      <w:r w:rsidR="004E6FE6">
        <w:t xml:space="preserve"> configuration in settings.py</w:t>
      </w:r>
    </w:p>
    <w:tbl>
      <w:tblPr>
        <w:tblStyle w:val="TableGrid"/>
        <w:tblW w:w="0" w:type="auto"/>
        <w:tblLook w:val="04A0" w:firstRow="1" w:lastRow="0" w:firstColumn="1" w:lastColumn="0" w:noHBand="0" w:noVBand="1"/>
      </w:tblPr>
      <w:tblGrid>
        <w:gridCol w:w="9350"/>
      </w:tblGrid>
      <w:tr w:rsidR="00222FFF" w14:paraId="641D07A5" w14:textId="77777777" w:rsidTr="00222FFF">
        <w:tc>
          <w:tcPr>
            <w:tcW w:w="9350" w:type="dxa"/>
          </w:tcPr>
          <w:p w14:paraId="62F27EE2" w14:textId="77777777" w:rsidR="00222FFF" w:rsidRPr="00222FFF" w:rsidRDefault="00222FFF" w:rsidP="00222FFF">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222FFF">
              <w:rPr>
                <w:rFonts w:ascii="Consolas" w:eastAsia="Times New Roman" w:hAnsi="Consolas" w:cs="Courier New"/>
                <w:color w:val="A9B7C6"/>
                <w:sz w:val="20"/>
                <w:szCs w:val="20"/>
              </w:rPr>
              <w:lastRenderedPageBreak/>
              <w:br/>
              <w:t xml:space="preserve">STATIC_URL = </w:t>
            </w:r>
            <w:r w:rsidRPr="00222FFF">
              <w:rPr>
                <w:rFonts w:ascii="Consolas" w:eastAsia="Times New Roman" w:hAnsi="Consolas" w:cs="Courier New"/>
                <w:color w:val="6A8759"/>
                <w:sz w:val="20"/>
                <w:szCs w:val="20"/>
              </w:rPr>
              <w:t>'/static/'</w:t>
            </w:r>
            <w:r w:rsidRPr="00222FFF">
              <w:rPr>
                <w:rFonts w:ascii="Consolas" w:eastAsia="Times New Roman" w:hAnsi="Consolas" w:cs="Courier New"/>
                <w:color w:val="6A8759"/>
                <w:sz w:val="20"/>
                <w:szCs w:val="20"/>
              </w:rPr>
              <w:br/>
            </w:r>
            <w:r w:rsidRPr="00222FFF">
              <w:rPr>
                <w:rFonts w:ascii="Consolas" w:eastAsia="Times New Roman" w:hAnsi="Consolas" w:cs="Courier New"/>
                <w:color w:val="A9B7C6"/>
                <w:sz w:val="20"/>
                <w:szCs w:val="20"/>
              </w:rPr>
              <w:t>STATICFILES_DIR =[</w:t>
            </w:r>
            <w:r w:rsidRPr="00222FFF">
              <w:rPr>
                <w:rFonts w:ascii="Consolas" w:eastAsia="Times New Roman" w:hAnsi="Consolas" w:cs="Courier New"/>
                <w:color w:val="A9B7C6"/>
                <w:sz w:val="20"/>
                <w:szCs w:val="20"/>
              </w:rPr>
              <w:br/>
              <w:t xml:space="preserve">    os.path.join(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login/staticpages"</w:t>
            </w:r>
            <w:r w:rsidRPr="00222FFF">
              <w:rPr>
                <w:rFonts w:ascii="Consolas" w:eastAsia="Times New Roman" w:hAnsi="Consolas" w:cs="Courier New"/>
                <w:color w:val="A9B7C6"/>
                <w:sz w:val="20"/>
                <w:szCs w:val="20"/>
              </w:rPr>
              <w:t>)</w:t>
            </w:r>
            <w:r w:rsidRPr="00222FFF">
              <w:rPr>
                <w:rFonts w:ascii="Consolas" w:eastAsia="Times New Roman" w:hAnsi="Consolas" w:cs="Courier New"/>
                <w:color w:val="A9B7C6"/>
                <w:sz w:val="20"/>
                <w:szCs w:val="20"/>
              </w:rPr>
              <w:br/>
              <w:t>]</w:t>
            </w:r>
            <w:r w:rsidRPr="00222FFF">
              <w:rPr>
                <w:rFonts w:ascii="Consolas" w:eastAsia="Times New Roman" w:hAnsi="Consolas" w:cs="Courier New"/>
                <w:color w:val="A9B7C6"/>
                <w:sz w:val="20"/>
                <w:szCs w:val="20"/>
              </w:rPr>
              <w:br/>
              <w:t>STATIC_ROOT= os.path.join(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mystatic"</w:t>
            </w:r>
            <w:r w:rsidRPr="00222FFF">
              <w:rPr>
                <w:rFonts w:ascii="Consolas" w:eastAsia="Times New Roman" w:hAnsi="Consolas" w:cs="Courier New"/>
                <w:color w:val="A9B7C6"/>
                <w:sz w:val="20"/>
                <w:szCs w:val="20"/>
              </w:rPr>
              <w:t>)</w:t>
            </w:r>
          </w:p>
          <w:p w14:paraId="4C75F3F6" w14:textId="77777777" w:rsidR="00222FFF" w:rsidRDefault="00222FFF" w:rsidP="00787C96"/>
        </w:tc>
      </w:tr>
    </w:tbl>
    <w:p w14:paraId="1CF0043D" w14:textId="0A3F5F37" w:rsidR="00222FFF" w:rsidRDefault="00222FFF" w:rsidP="00787C96"/>
    <w:p w14:paraId="3C347EDF" w14:textId="0A39AE29" w:rsidR="00741E9C" w:rsidRDefault="00741E9C" w:rsidP="00787C96"/>
    <w:p w14:paraId="61DB10C4" w14:textId="2C1F200C" w:rsidR="003E409B" w:rsidRDefault="003E409B" w:rsidP="00787C96"/>
    <w:p w14:paraId="411D34F7" w14:textId="1885C1F2" w:rsidR="003E409B" w:rsidRDefault="003E409B" w:rsidP="00787C96"/>
    <w:p w14:paraId="5E6E2F10" w14:textId="32B38F21" w:rsidR="003E409B" w:rsidRDefault="003E409B" w:rsidP="00787C96"/>
    <w:p w14:paraId="2D86B384" w14:textId="459D471F" w:rsidR="00A31C34" w:rsidRDefault="00A31C34" w:rsidP="00787C96"/>
    <w:p w14:paraId="3DBE5D0F" w14:textId="42A24168" w:rsidR="00A31C34" w:rsidRDefault="00A31C34" w:rsidP="00787C96"/>
    <w:p w14:paraId="65B41C47" w14:textId="08E82D16" w:rsidR="00A31C34" w:rsidRDefault="00A31C34" w:rsidP="00787C96"/>
    <w:p w14:paraId="4E1669A0" w14:textId="315E01CC" w:rsidR="00A31C34" w:rsidRDefault="00A31C34" w:rsidP="00787C96"/>
    <w:p w14:paraId="7E77C739" w14:textId="1BF2AB8E" w:rsidR="000D4895" w:rsidRDefault="000D4895" w:rsidP="00787C96"/>
    <w:p w14:paraId="47AC327D" w14:textId="3419BF53" w:rsidR="000D4895" w:rsidRDefault="000D4895" w:rsidP="00787C96"/>
    <w:p w14:paraId="5ACDABCB" w14:textId="1F446004" w:rsidR="000D4895" w:rsidRDefault="000D4895" w:rsidP="00787C96"/>
    <w:p w14:paraId="1D24480E" w14:textId="77777777" w:rsidR="000D4895" w:rsidRDefault="000D4895" w:rsidP="00787C96"/>
    <w:p w14:paraId="570B782A" w14:textId="401826CA" w:rsidR="00A31C34" w:rsidRDefault="00A31C34" w:rsidP="00787C96"/>
    <w:p w14:paraId="7994F755" w14:textId="77777777" w:rsidR="00A31C34" w:rsidRDefault="00A31C34" w:rsidP="00787C96"/>
    <w:p w14:paraId="3C776582" w14:textId="4564A9A1" w:rsidR="00741E9C" w:rsidRDefault="003E409B" w:rsidP="003E409B">
      <w:pPr>
        <w:pStyle w:val="Heading1"/>
      </w:pPr>
      <w:bookmarkStart w:id="9" w:name="_Toc29831927"/>
      <w:r w:rsidRPr="003E409B">
        <w:t>Code in Templates:</w:t>
      </w:r>
      <w:bookmarkEnd w:id="9"/>
    </w:p>
    <w:p w14:paraId="41CC5B35" w14:textId="77777777" w:rsidR="00903376" w:rsidRPr="00903376" w:rsidRDefault="00903376" w:rsidP="00903376"/>
    <w:p w14:paraId="6D083BD3" w14:textId="77777777" w:rsidR="003E409B"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E8BF6A"/>
          <w:sz w:val="20"/>
          <w:szCs w:val="20"/>
        </w:rPr>
        <w:t>&lt;body&gt;</w:t>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hello user</w:t>
      </w:r>
      <w:r w:rsidRPr="00741E9C">
        <w:rPr>
          <w:rFonts w:ascii="Consolas" w:eastAsia="Times New Roman" w:hAnsi="Consolas" w:cs="Courier New"/>
          <w:color w:val="A9B7C6"/>
          <w:sz w:val="20"/>
          <w:szCs w:val="20"/>
        </w:rPr>
        <w:br/>
        <w:t>{{data}}</w:t>
      </w:r>
      <w:r w:rsidRPr="00741E9C">
        <w:rPr>
          <w:rFonts w:ascii="Consolas" w:eastAsia="Times New Roman" w:hAnsi="Consolas" w:cs="Courier New"/>
          <w:color w:val="A9B7C6"/>
          <w:sz w:val="20"/>
          <w:szCs w:val="20"/>
        </w:rPr>
        <w:br/>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br&gt;&lt;br&gt;&lt;br&gt;</w:t>
      </w:r>
      <w:r w:rsidRPr="00741E9C">
        <w:rPr>
          <w:rFonts w:ascii="Consolas" w:eastAsia="Times New Roman" w:hAnsi="Consolas" w:cs="Courier New"/>
          <w:color w:val="E8BF6A"/>
          <w:sz w:val="20"/>
          <w:szCs w:val="20"/>
        </w:rPr>
        <w:br/>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data|truncatewords:5}} − This filter will truncate the string, so you will see only the first 80 words.</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br&gt;&lt;br&gt;&lt;br&gt;</w:t>
      </w:r>
    </w:p>
    <w:p w14:paraId="49AA4010" w14:textId="77777777" w:rsidR="00897E3D"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data|lower}} − Converts the string to lowercase.</w:t>
      </w:r>
    </w:p>
    <w:p w14:paraId="6DCAF9AC" w14:textId="77777777" w:rsidR="00356134" w:rsidRDefault="00897E3D"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upper</w:t>
      </w:r>
      <w:r w:rsidRPr="00741E9C">
        <w:rPr>
          <w:rFonts w:ascii="Consolas" w:eastAsia="Times New Roman" w:hAnsi="Consolas" w:cs="Courier New"/>
          <w:color w:val="A9B7C6"/>
          <w:sz w:val="20"/>
          <w:szCs w:val="20"/>
        </w:rPr>
        <w:t>}}</w:t>
      </w:r>
    </w:p>
    <w:p w14:paraId="4902942D" w14:textId="33DC0A89" w:rsidR="003E409B" w:rsidRDefault="00356134"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length</w:t>
      </w:r>
      <w:r w:rsidRPr="00741E9C">
        <w:rPr>
          <w:rFonts w:ascii="Consolas" w:eastAsia="Times New Roman" w:hAnsi="Consolas" w:cs="Courier New"/>
          <w:color w:val="A9B7C6"/>
          <w:sz w:val="20"/>
          <w:szCs w:val="20"/>
        </w:rPr>
        <w:t>}}</w:t>
      </w:r>
      <w:r w:rsidR="006E78D4">
        <w:rPr>
          <w:rFonts w:ascii="Consolas" w:eastAsia="Times New Roman" w:hAnsi="Consolas" w:cs="Courier New"/>
          <w:color w:val="A9B7C6"/>
          <w:sz w:val="20"/>
          <w:szCs w:val="20"/>
        </w:rPr>
        <w:t xml:space="preserve"> # for list, tuple, string</w:t>
      </w:r>
      <w:r w:rsidR="00741E9C" w:rsidRPr="00741E9C">
        <w:rPr>
          <w:rFonts w:ascii="Consolas" w:eastAsia="Times New Roman" w:hAnsi="Consolas" w:cs="Courier New"/>
          <w:color w:val="A9B7C6"/>
          <w:sz w:val="20"/>
          <w:szCs w:val="20"/>
        </w:rPr>
        <w:br/>
      </w:r>
      <w:r w:rsidR="00741E9C" w:rsidRPr="00741E9C">
        <w:rPr>
          <w:rFonts w:ascii="Consolas" w:eastAsia="Times New Roman" w:hAnsi="Consolas" w:cs="Courier New"/>
          <w:color w:val="E8BF6A"/>
          <w:sz w:val="20"/>
          <w:szCs w:val="20"/>
        </w:rPr>
        <w:t>&lt;br&gt;&lt;br&gt;&lt;br&gt;</w:t>
      </w:r>
    </w:p>
    <w:p w14:paraId="0529FFDD" w14:textId="6FEBED7C" w:rsidR="00741E9C" w:rsidRPr="00741E9C"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lastRenderedPageBreak/>
        <w:br/>
      </w:r>
      <w:r w:rsidRPr="00741E9C">
        <w:rPr>
          <w:rFonts w:ascii="Consolas" w:eastAsia="Times New Roman" w:hAnsi="Consolas" w:cs="Courier New"/>
          <w:color w:val="A9B7C6"/>
          <w:sz w:val="20"/>
          <w:szCs w:val="20"/>
        </w:rPr>
        <w:t>{{data|escape|linebreaks}}</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body&gt;</w:t>
      </w:r>
      <w:r w:rsidRPr="00741E9C">
        <w:rPr>
          <w:rFonts w:ascii="Consolas" w:eastAsia="Times New Roman" w:hAnsi="Consolas" w:cs="Courier New"/>
          <w:color w:val="E8BF6A"/>
          <w:sz w:val="20"/>
          <w:szCs w:val="20"/>
        </w:rPr>
        <w:br/>
        <w:t>&lt;/html&gt;</w:t>
      </w:r>
    </w:p>
    <w:p w14:paraId="7D9F8B0A" w14:textId="4850F823" w:rsidR="003E409B" w:rsidRDefault="003E409B" w:rsidP="00787C96"/>
    <w:p w14:paraId="654C24A3" w14:textId="35267DD2" w:rsidR="00EF06F3" w:rsidRDefault="00EF06F3" w:rsidP="00787C96"/>
    <w:p w14:paraId="20B5BDC1" w14:textId="502D2039" w:rsidR="00EF06F3" w:rsidRDefault="00EF06F3" w:rsidP="00787C96">
      <w:r>
        <w:t>Default</w:t>
      </w:r>
    </w:p>
    <w:tbl>
      <w:tblPr>
        <w:tblStyle w:val="TableGrid"/>
        <w:tblW w:w="0" w:type="auto"/>
        <w:tblLook w:val="04A0" w:firstRow="1" w:lastRow="0" w:firstColumn="1" w:lastColumn="0" w:noHBand="0" w:noVBand="1"/>
      </w:tblPr>
      <w:tblGrid>
        <w:gridCol w:w="9350"/>
      </w:tblGrid>
      <w:tr w:rsidR="00EF06F3" w14:paraId="203778D3" w14:textId="77777777" w:rsidTr="00EF06F3">
        <w:tc>
          <w:tcPr>
            <w:tcW w:w="9350" w:type="dxa"/>
          </w:tcPr>
          <w:p w14:paraId="70457396" w14:textId="77777777" w:rsidR="00EF06F3" w:rsidRDefault="00EF06F3" w:rsidP="00EF06F3">
            <w:pPr>
              <w:pStyle w:val="HTMLPreformatted"/>
              <w:shd w:val="clear" w:color="auto" w:fill="2B2B2B"/>
              <w:rPr>
                <w:rFonts w:ascii="Consolas" w:hAnsi="Consolas"/>
                <w:color w:val="A9B7C6"/>
              </w:rPr>
            </w:pPr>
            <w:r>
              <w:rPr>
                <w:rFonts w:ascii="Consolas" w:hAnsi="Consolas"/>
                <w:color w:val="A9B7C6"/>
              </w:rPr>
              <w:t>p2= {{p2|default:"No data"}}</w:t>
            </w:r>
          </w:p>
          <w:p w14:paraId="48B9EFF5" w14:textId="77777777" w:rsidR="00EF06F3" w:rsidRDefault="00EF06F3" w:rsidP="00787C96"/>
        </w:tc>
      </w:tr>
    </w:tbl>
    <w:p w14:paraId="312E406E" w14:textId="77777777" w:rsidR="00EF06F3" w:rsidRDefault="00EF06F3" w:rsidP="00787C96"/>
    <w:p w14:paraId="4619F0F1" w14:textId="02FB4C02" w:rsidR="00741E9C" w:rsidRDefault="000E45A2" w:rsidP="00C653BC">
      <w:pPr>
        <w:pStyle w:val="Heading2"/>
      </w:pPr>
      <w:bookmarkStart w:id="10" w:name="_Toc29831928"/>
      <w:r>
        <w:t>Firstof</w:t>
      </w:r>
      <w:bookmarkEnd w:id="10"/>
    </w:p>
    <w:tbl>
      <w:tblPr>
        <w:tblStyle w:val="TableGrid"/>
        <w:tblW w:w="0" w:type="auto"/>
        <w:tblLook w:val="04A0" w:firstRow="1" w:lastRow="0" w:firstColumn="1" w:lastColumn="0" w:noHBand="0" w:noVBand="1"/>
      </w:tblPr>
      <w:tblGrid>
        <w:gridCol w:w="9350"/>
      </w:tblGrid>
      <w:tr w:rsidR="000E45A2" w14:paraId="1802CFF3" w14:textId="77777777" w:rsidTr="000E45A2">
        <w:tc>
          <w:tcPr>
            <w:tcW w:w="9350" w:type="dxa"/>
          </w:tcPr>
          <w:p w14:paraId="366779B9" w14:textId="1972151B" w:rsidR="00B17FE3" w:rsidRDefault="00B17FE3" w:rsidP="00B17FE3">
            <w:pPr>
              <w:pStyle w:val="HTMLPreformatted"/>
              <w:shd w:val="clear" w:color="auto" w:fill="2B2B2B"/>
              <w:rPr>
                <w:rFonts w:ascii="Consolas" w:hAnsi="Consolas"/>
                <w:color w:val="A9B7C6"/>
              </w:rPr>
            </w:pPr>
            <w:r>
              <w:rPr>
                <w:rFonts w:ascii="Consolas" w:hAnsi="Consolas"/>
                <w:color w:val="A9B7C6"/>
              </w:rPr>
              <w:br/>
              <w:t>{% if var1 %}</w:t>
            </w:r>
            <w:r>
              <w:rPr>
                <w:rFonts w:ascii="Consolas" w:hAnsi="Consolas"/>
                <w:color w:val="A9B7C6"/>
              </w:rPr>
              <w:br/>
              <w:t xml:space="preserve">    {{ var1 }}</w:t>
            </w:r>
            <w:r>
              <w:rPr>
                <w:rFonts w:ascii="Consolas" w:hAnsi="Consolas"/>
                <w:color w:val="A9B7C6"/>
              </w:rPr>
              <w:br/>
              <w:t>{% elif var2 %}</w:t>
            </w:r>
            <w:r>
              <w:rPr>
                <w:rFonts w:ascii="Consolas" w:hAnsi="Consolas"/>
                <w:color w:val="A9B7C6"/>
              </w:rPr>
              <w:br/>
              <w:t xml:space="preserve">    {{ var2 }}</w:t>
            </w:r>
            <w:r>
              <w:rPr>
                <w:rFonts w:ascii="Consolas" w:hAnsi="Consolas"/>
                <w:color w:val="A9B7C6"/>
              </w:rPr>
              <w:br/>
              <w:t>{% elif var3 %}</w:t>
            </w:r>
            <w:r>
              <w:rPr>
                <w:rFonts w:ascii="Consolas" w:hAnsi="Consolas"/>
                <w:color w:val="A9B7C6"/>
              </w:rPr>
              <w:br/>
              <w:t xml:space="preserve">    {{ var3 }}</w:t>
            </w:r>
            <w:r>
              <w:rPr>
                <w:rFonts w:ascii="Consolas" w:hAnsi="Consolas"/>
                <w:color w:val="A9B7C6"/>
              </w:rPr>
              <w:br/>
              <w:t>{% endif %}</w:t>
            </w:r>
          </w:p>
          <w:p w14:paraId="48A060F5" w14:textId="4BB48107" w:rsidR="00B17FE3" w:rsidRDefault="00B17FE3" w:rsidP="00B17FE3">
            <w:pPr>
              <w:pStyle w:val="HTMLPreformatted"/>
              <w:shd w:val="clear" w:color="auto" w:fill="2B2B2B"/>
              <w:rPr>
                <w:rFonts w:ascii="Consolas" w:hAnsi="Consolas"/>
                <w:color w:val="A9B7C6"/>
              </w:rPr>
            </w:pPr>
          </w:p>
          <w:p w14:paraId="66C6C434" w14:textId="7261F6D9" w:rsidR="00B17FE3" w:rsidRDefault="00B17FE3" w:rsidP="00B17FE3">
            <w:pPr>
              <w:pStyle w:val="HTMLPreformatted"/>
              <w:shd w:val="clear" w:color="auto" w:fill="2B2B2B"/>
              <w:rPr>
                <w:rFonts w:ascii="Consolas" w:hAnsi="Consolas"/>
                <w:color w:val="A9B7C6"/>
              </w:rPr>
            </w:pPr>
          </w:p>
          <w:p w14:paraId="3347DB9E" w14:textId="2E3E3487" w:rsidR="00B17FE3" w:rsidRDefault="00B17FE3" w:rsidP="00B17FE3">
            <w:pPr>
              <w:pStyle w:val="HTMLPreformatted"/>
              <w:shd w:val="clear" w:color="auto" w:fill="2B2B2B"/>
              <w:rPr>
                <w:rFonts w:ascii="Consolas" w:hAnsi="Consolas"/>
                <w:color w:val="A9B7C6"/>
              </w:rPr>
            </w:pPr>
            <w:r>
              <w:rPr>
                <w:rFonts w:ascii="Consolas" w:hAnsi="Consolas"/>
                <w:color w:val="A9B7C6"/>
              </w:rPr>
              <w:t>Is equal to</w:t>
            </w:r>
          </w:p>
          <w:p w14:paraId="2371F06B" w14:textId="6520F663" w:rsidR="00B17FE3" w:rsidRDefault="00B17FE3" w:rsidP="00B17FE3">
            <w:pPr>
              <w:pStyle w:val="HTMLPreformatted"/>
              <w:shd w:val="clear" w:color="auto" w:fill="2B2B2B"/>
              <w:rPr>
                <w:rFonts w:ascii="Consolas" w:hAnsi="Consolas"/>
                <w:color w:val="A9B7C6"/>
              </w:rPr>
            </w:pPr>
          </w:p>
          <w:p w14:paraId="1FD4D2EE" w14:textId="77777777" w:rsidR="00B17FE3" w:rsidRDefault="00B17FE3" w:rsidP="00B17FE3">
            <w:pPr>
              <w:pStyle w:val="HTMLPreformatted"/>
              <w:shd w:val="clear" w:color="auto" w:fill="2B2B2B"/>
              <w:rPr>
                <w:rFonts w:ascii="Consolas" w:hAnsi="Consolas"/>
                <w:color w:val="A9B7C6"/>
              </w:rPr>
            </w:pPr>
            <w:r>
              <w:rPr>
                <w:rFonts w:ascii="Consolas" w:hAnsi="Consolas"/>
                <w:color w:val="A9B7C6"/>
              </w:rPr>
              <w:t>{% firstof var1 var2 var3 %}</w:t>
            </w:r>
          </w:p>
          <w:p w14:paraId="3C9912AD" w14:textId="33242D40" w:rsidR="00B17FE3" w:rsidRDefault="00B17FE3" w:rsidP="00B17FE3">
            <w:pPr>
              <w:pStyle w:val="HTMLPreformatted"/>
              <w:shd w:val="clear" w:color="auto" w:fill="2B2B2B"/>
              <w:rPr>
                <w:rFonts w:ascii="Consolas" w:hAnsi="Consolas"/>
                <w:color w:val="A9B7C6"/>
              </w:rPr>
            </w:pPr>
          </w:p>
          <w:p w14:paraId="0DE8C90B" w14:textId="367567D7" w:rsidR="00B17FE3" w:rsidRDefault="00B17FE3" w:rsidP="00B17FE3">
            <w:pPr>
              <w:pStyle w:val="HTMLPreformatted"/>
              <w:shd w:val="clear" w:color="auto" w:fill="2B2B2B"/>
              <w:rPr>
                <w:rFonts w:ascii="Consolas" w:hAnsi="Consolas"/>
                <w:color w:val="A9B7C6"/>
              </w:rPr>
            </w:pPr>
          </w:p>
          <w:p w14:paraId="511D6976" w14:textId="512C03EC" w:rsidR="00B17FE3" w:rsidRDefault="00B17FE3" w:rsidP="00B17FE3">
            <w:pPr>
              <w:pStyle w:val="HTMLPreformatted"/>
              <w:shd w:val="clear" w:color="auto" w:fill="2B2B2B"/>
              <w:rPr>
                <w:rFonts w:ascii="Consolas" w:hAnsi="Consolas"/>
                <w:color w:val="A9B7C6"/>
              </w:rPr>
            </w:pPr>
            <w:r>
              <w:rPr>
                <w:rFonts w:ascii="Consolas" w:hAnsi="Consolas"/>
                <w:color w:val="A9B7C6"/>
              </w:rPr>
              <w:t>Or</w:t>
            </w:r>
          </w:p>
          <w:p w14:paraId="4294D233" w14:textId="209F529F" w:rsidR="00B17FE3" w:rsidRDefault="00B17FE3" w:rsidP="00B17FE3">
            <w:pPr>
              <w:pStyle w:val="HTMLPreformatted"/>
              <w:shd w:val="clear" w:color="auto" w:fill="2B2B2B"/>
              <w:rPr>
                <w:rFonts w:ascii="Consolas" w:hAnsi="Consolas"/>
                <w:color w:val="A9B7C6"/>
              </w:rPr>
            </w:pPr>
          </w:p>
          <w:p w14:paraId="1B316818" w14:textId="51731B63" w:rsidR="00B17FE3" w:rsidRDefault="00B17FE3" w:rsidP="00B17FE3">
            <w:pPr>
              <w:pStyle w:val="HTMLPreformatted"/>
              <w:shd w:val="clear" w:color="auto" w:fill="2B2B2B"/>
              <w:rPr>
                <w:rFonts w:ascii="Consolas" w:hAnsi="Consolas"/>
                <w:color w:val="A9B7C6"/>
              </w:rPr>
            </w:pPr>
          </w:p>
          <w:p w14:paraId="4C7D1C20" w14:textId="35B0C4E8" w:rsidR="00B17FE3" w:rsidRDefault="00B17FE3" w:rsidP="00B17FE3">
            <w:pPr>
              <w:pStyle w:val="HTMLPreformatted"/>
              <w:shd w:val="clear" w:color="auto" w:fill="2B2B2B"/>
              <w:rPr>
                <w:rFonts w:ascii="Consolas" w:hAnsi="Consolas"/>
                <w:color w:val="A9B7C6"/>
              </w:rPr>
            </w:pPr>
            <w:r>
              <w:rPr>
                <w:rFonts w:ascii="Consolas" w:hAnsi="Consolas"/>
                <w:color w:val="A9B7C6"/>
              </w:rPr>
              <w:t>{% firstof var1 var2 var3 "fallback value" %}</w:t>
            </w:r>
          </w:p>
          <w:p w14:paraId="597EB905" w14:textId="7C7F9A6D" w:rsidR="006312B7" w:rsidRDefault="006312B7" w:rsidP="00B17FE3">
            <w:pPr>
              <w:pStyle w:val="HTMLPreformatted"/>
              <w:shd w:val="clear" w:color="auto" w:fill="2B2B2B"/>
              <w:rPr>
                <w:rFonts w:ascii="Consolas" w:hAnsi="Consolas"/>
                <w:color w:val="A9B7C6"/>
              </w:rPr>
            </w:pPr>
          </w:p>
          <w:p w14:paraId="46543E22" w14:textId="28E085FB" w:rsidR="006312B7" w:rsidRDefault="006312B7" w:rsidP="00B17FE3">
            <w:pPr>
              <w:pStyle w:val="HTMLPreformatted"/>
              <w:shd w:val="clear" w:color="auto" w:fill="2B2B2B"/>
              <w:rPr>
                <w:rFonts w:ascii="Consolas" w:hAnsi="Consolas"/>
                <w:color w:val="A9B7C6"/>
              </w:rPr>
            </w:pPr>
          </w:p>
          <w:p w14:paraId="4880A9AD" w14:textId="0AFA343B" w:rsidR="006312B7" w:rsidRDefault="006312B7" w:rsidP="00B17FE3">
            <w:pPr>
              <w:pStyle w:val="HTMLPreformatted"/>
              <w:shd w:val="clear" w:color="auto" w:fill="2B2B2B"/>
              <w:rPr>
                <w:rFonts w:ascii="Consolas" w:hAnsi="Consolas"/>
                <w:color w:val="A9B7C6"/>
              </w:rPr>
            </w:pPr>
          </w:p>
          <w:p w14:paraId="58BED7F6" w14:textId="77777777" w:rsidR="006312B7" w:rsidRDefault="006312B7" w:rsidP="006312B7">
            <w:pPr>
              <w:pStyle w:val="HTMLPreformatted"/>
              <w:shd w:val="clear" w:color="auto" w:fill="2B2B2B"/>
              <w:rPr>
                <w:rFonts w:ascii="Consolas" w:hAnsi="Consolas"/>
                <w:color w:val="A9B7C6"/>
              </w:rPr>
            </w:pPr>
            <w:r>
              <w:rPr>
                <w:rFonts w:ascii="Consolas" w:hAnsi="Consolas"/>
                <w:color w:val="A9B7C6"/>
              </w:rPr>
              <w:br/>
            </w:r>
            <w:r>
              <w:rPr>
                <w:rFonts w:ascii="Consolas" w:hAnsi="Consolas"/>
                <w:color w:val="A9B7C6"/>
              </w:rPr>
              <w:br/>
              <w:t>{% if messages|length &gt;= 100 %}</w:t>
            </w:r>
            <w:r>
              <w:rPr>
                <w:rFonts w:ascii="Consolas" w:hAnsi="Consolas"/>
                <w:color w:val="A9B7C6"/>
              </w:rPr>
              <w:br/>
              <w:t xml:space="preserve">   You have lots of messages today!</w:t>
            </w:r>
            <w:r>
              <w:rPr>
                <w:rFonts w:ascii="Consolas" w:hAnsi="Consolas"/>
                <w:color w:val="A9B7C6"/>
              </w:rPr>
              <w:br/>
              <w:t>{% endif %}</w:t>
            </w:r>
          </w:p>
          <w:p w14:paraId="3BB281DE" w14:textId="77777777" w:rsidR="006312B7" w:rsidRDefault="006312B7" w:rsidP="00B17FE3">
            <w:pPr>
              <w:pStyle w:val="HTMLPreformatted"/>
              <w:shd w:val="clear" w:color="auto" w:fill="2B2B2B"/>
              <w:rPr>
                <w:rFonts w:ascii="Consolas" w:hAnsi="Consolas"/>
                <w:color w:val="A9B7C6"/>
              </w:rPr>
            </w:pPr>
          </w:p>
          <w:p w14:paraId="47EE876C" w14:textId="77777777" w:rsidR="00B17FE3" w:rsidRDefault="00B17FE3" w:rsidP="00B17FE3">
            <w:pPr>
              <w:pStyle w:val="HTMLPreformatted"/>
              <w:shd w:val="clear" w:color="auto" w:fill="2B2B2B"/>
              <w:rPr>
                <w:rFonts w:ascii="Consolas" w:hAnsi="Consolas"/>
                <w:color w:val="A9B7C6"/>
              </w:rPr>
            </w:pPr>
          </w:p>
          <w:p w14:paraId="41BA029B" w14:textId="77777777" w:rsidR="000E45A2" w:rsidRDefault="000E45A2" w:rsidP="00787C96"/>
        </w:tc>
      </w:tr>
    </w:tbl>
    <w:p w14:paraId="77D91433" w14:textId="77777777" w:rsidR="000E45A2" w:rsidRDefault="000E45A2" w:rsidP="00787C96"/>
    <w:p w14:paraId="67F5FA64" w14:textId="6CA6062E" w:rsidR="000B5E61" w:rsidRDefault="000B5E61" w:rsidP="00787C96"/>
    <w:p w14:paraId="683992C6" w14:textId="7B33FF11" w:rsidR="00B17FE3" w:rsidRDefault="00B17FE3" w:rsidP="00C653BC">
      <w:pPr>
        <w:pStyle w:val="Heading2"/>
      </w:pPr>
      <w:bookmarkStart w:id="11" w:name="_Toc29831929"/>
      <w:r>
        <w:t>If statement</w:t>
      </w:r>
      <w:bookmarkEnd w:id="11"/>
    </w:p>
    <w:tbl>
      <w:tblPr>
        <w:tblStyle w:val="TableGrid"/>
        <w:tblW w:w="0" w:type="auto"/>
        <w:tblLook w:val="04A0" w:firstRow="1" w:lastRow="0" w:firstColumn="1" w:lastColumn="0" w:noHBand="0" w:noVBand="1"/>
      </w:tblPr>
      <w:tblGrid>
        <w:gridCol w:w="9350"/>
      </w:tblGrid>
      <w:tr w:rsidR="00B17FE3" w14:paraId="0EE39DB8" w14:textId="77777777" w:rsidTr="00B17FE3">
        <w:tc>
          <w:tcPr>
            <w:tcW w:w="9350" w:type="dxa"/>
          </w:tcPr>
          <w:p w14:paraId="4B69E11B" w14:textId="77777777" w:rsidR="003565A5" w:rsidRDefault="003565A5" w:rsidP="00B17FE3">
            <w:pPr>
              <w:pStyle w:val="HTMLPreformatted"/>
              <w:shd w:val="clear" w:color="auto" w:fill="2B2B2B"/>
              <w:rPr>
                <w:rFonts w:ascii="Consolas" w:hAnsi="Consolas"/>
                <w:color w:val="A9B7C6"/>
              </w:rPr>
            </w:pPr>
          </w:p>
          <w:p w14:paraId="5EED5BD0" w14:textId="08AE8F36" w:rsidR="003565A5" w:rsidRDefault="003565A5" w:rsidP="003565A5">
            <w:pPr>
              <w:pStyle w:val="HTMLPreformatted"/>
              <w:shd w:val="clear" w:color="auto" w:fill="2B2B2B"/>
              <w:rPr>
                <w:rFonts w:ascii="Consolas" w:hAnsi="Consolas"/>
                <w:color w:val="A9B7C6"/>
              </w:rPr>
            </w:pPr>
            <w:r>
              <w:rPr>
                <w:rFonts w:ascii="Consolas" w:hAnsi="Consolas"/>
                <w:color w:val="A9B7C6"/>
              </w:rPr>
              <w:t>The {% if %} tag evaluates a variable, and if that variable is “true” (i.e. exists, is not empty, and is not a false boolean value) the contents of the block are output:</w:t>
            </w:r>
          </w:p>
          <w:p w14:paraId="4658DE89" w14:textId="2901ABE5" w:rsidR="003565A5" w:rsidRDefault="003565A5" w:rsidP="00B17FE3">
            <w:pPr>
              <w:pStyle w:val="HTMLPreformatted"/>
              <w:shd w:val="clear" w:color="auto" w:fill="2B2B2B"/>
              <w:rPr>
                <w:rFonts w:ascii="Consolas" w:hAnsi="Consolas"/>
                <w:color w:val="A9B7C6"/>
              </w:rPr>
            </w:pPr>
          </w:p>
          <w:p w14:paraId="2DC456B3" w14:textId="77777777" w:rsidR="00485C6E" w:rsidRPr="00485C6E" w:rsidRDefault="00485C6E" w:rsidP="00485C6E">
            <w:pPr>
              <w:pStyle w:val="HTMLPreformatted"/>
              <w:shd w:val="clear" w:color="auto" w:fill="2B2B2B"/>
              <w:rPr>
                <w:rFonts w:ascii="Consolas" w:hAnsi="Consolas"/>
                <w:color w:val="A9B7C6"/>
              </w:rPr>
            </w:pPr>
          </w:p>
          <w:p w14:paraId="603ED88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if and else in html:</w:t>
            </w:r>
          </w:p>
          <w:p w14:paraId="6604D801"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w:t>
            </w:r>
          </w:p>
          <w:p w14:paraId="62DF83F7"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if data  %}</w:t>
            </w:r>
          </w:p>
          <w:p w14:paraId="33D6804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Data exists</w:t>
            </w:r>
          </w:p>
          <w:p w14:paraId="47034289"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lse  %}</w:t>
            </w:r>
          </w:p>
          <w:p w14:paraId="631C6473"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data doesnot exists</w:t>
            </w:r>
          </w:p>
          <w:p w14:paraId="53467215"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ndif %}</w:t>
            </w:r>
          </w:p>
          <w:p w14:paraId="50937575" w14:textId="77777777" w:rsidR="00485C6E" w:rsidRPr="00485C6E" w:rsidRDefault="00485C6E" w:rsidP="00485C6E">
            <w:pPr>
              <w:pStyle w:val="HTMLPreformatted"/>
              <w:shd w:val="clear" w:color="auto" w:fill="2B2B2B"/>
              <w:rPr>
                <w:rFonts w:ascii="Consolas" w:hAnsi="Consolas"/>
                <w:color w:val="A9B7C6"/>
              </w:rPr>
            </w:pPr>
          </w:p>
          <w:p w14:paraId="440DDD93" w14:textId="77777777" w:rsidR="00485C6E" w:rsidRPr="00485C6E" w:rsidRDefault="00485C6E" w:rsidP="00485C6E">
            <w:pPr>
              <w:pStyle w:val="HTMLPreformatted"/>
              <w:shd w:val="clear" w:color="auto" w:fill="2B2B2B"/>
              <w:rPr>
                <w:rFonts w:ascii="Consolas" w:hAnsi="Consolas"/>
                <w:color w:val="A9B7C6"/>
              </w:rPr>
            </w:pPr>
          </w:p>
          <w:p w14:paraId="62FA2299" w14:textId="2F523E3D" w:rsidR="00485C6E" w:rsidRDefault="00485C6E" w:rsidP="00485C6E">
            <w:pPr>
              <w:pStyle w:val="HTMLPreformatted"/>
              <w:shd w:val="clear" w:color="auto" w:fill="2B2B2B"/>
              <w:rPr>
                <w:rFonts w:ascii="Consolas" w:hAnsi="Consolas"/>
                <w:color w:val="A9B7C6"/>
              </w:rPr>
            </w:pPr>
          </w:p>
          <w:p w14:paraId="012A698E" w14:textId="53201353" w:rsidR="003219C1" w:rsidRDefault="003219C1" w:rsidP="00485C6E">
            <w:pPr>
              <w:pStyle w:val="HTMLPreformatted"/>
              <w:shd w:val="clear" w:color="auto" w:fill="2B2B2B"/>
              <w:rPr>
                <w:rFonts w:ascii="Consolas" w:hAnsi="Consolas"/>
                <w:color w:val="A9B7C6"/>
              </w:rPr>
            </w:pPr>
          </w:p>
          <w:p w14:paraId="10922D79" w14:textId="52E7437D" w:rsidR="003219C1" w:rsidRDefault="003219C1" w:rsidP="00485C6E">
            <w:pPr>
              <w:pStyle w:val="HTMLPreformatted"/>
              <w:shd w:val="clear" w:color="auto" w:fill="2B2B2B"/>
              <w:rPr>
                <w:rFonts w:ascii="Consolas" w:hAnsi="Consolas"/>
                <w:color w:val="A9B7C6"/>
              </w:rPr>
            </w:pPr>
          </w:p>
          <w:p w14:paraId="0D14E5A9" w14:textId="75BB304D" w:rsidR="003219C1" w:rsidRDefault="003219C1" w:rsidP="00485C6E">
            <w:pPr>
              <w:pStyle w:val="HTMLPreformatted"/>
              <w:shd w:val="clear" w:color="auto" w:fill="2B2B2B"/>
              <w:rPr>
                <w:rFonts w:ascii="Consolas" w:hAnsi="Consolas"/>
                <w:color w:val="A9B7C6"/>
              </w:rPr>
            </w:pPr>
          </w:p>
          <w:p w14:paraId="2938E4BF" w14:textId="06AC4716" w:rsidR="003219C1" w:rsidRDefault="003219C1" w:rsidP="00485C6E">
            <w:pPr>
              <w:pStyle w:val="HTMLPreformatted"/>
              <w:shd w:val="clear" w:color="auto" w:fill="2B2B2B"/>
              <w:rPr>
                <w:rFonts w:ascii="Consolas" w:hAnsi="Consolas"/>
                <w:color w:val="A9B7C6"/>
              </w:rPr>
            </w:pPr>
          </w:p>
          <w:p w14:paraId="1A2FC659" w14:textId="77777777" w:rsidR="003219C1" w:rsidRPr="00485C6E" w:rsidRDefault="003219C1" w:rsidP="00485C6E">
            <w:pPr>
              <w:pStyle w:val="HTMLPreformatted"/>
              <w:shd w:val="clear" w:color="auto" w:fill="2B2B2B"/>
              <w:rPr>
                <w:rFonts w:ascii="Consolas" w:hAnsi="Consolas"/>
                <w:color w:val="A9B7C6"/>
              </w:rPr>
            </w:pPr>
          </w:p>
          <w:p w14:paraId="310E2B63" w14:textId="77777777" w:rsidR="00485C6E" w:rsidRPr="00485C6E" w:rsidRDefault="00485C6E" w:rsidP="00485C6E">
            <w:pPr>
              <w:pStyle w:val="HTMLPreformatted"/>
              <w:shd w:val="clear" w:color="auto" w:fill="2B2B2B"/>
              <w:rPr>
                <w:rFonts w:ascii="Consolas" w:hAnsi="Consolas"/>
                <w:color w:val="A9B7C6"/>
              </w:rPr>
            </w:pPr>
          </w:p>
          <w:p w14:paraId="07A34CB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if and elif in html:</w:t>
            </w:r>
          </w:p>
          <w:p w14:paraId="1EC28A2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w:t>
            </w:r>
          </w:p>
          <w:p w14:paraId="2839EDAE"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if user %}</w:t>
            </w:r>
          </w:p>
          <w:p w14:paraId="515FEFF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processing user</w:t>
            </w:r>
          </w:p>
          <w:p w14:paraId="6884F88B"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lif customer  %}</w:t>
            </w:r>
          </w:p>
          <w:p w14:paraId="503FE05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processing customer  </w:t>
            </w:r>
          </w:p>
          <w:p w14:paraId="3D8E160A"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lse %}</w:t>
            </w:r>
          </w:p>
          <w:p w14:paraId="0EF04C7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Nothing to process.</w:t>
            </w:r>
          </w:p>
          <w:p w14:paraId="33B201A4"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ndif %}</w:t>
            </w:r>
          </w:p>
          <w:p w14:paraId="69945070" w14:textId="79DECA0D" w:rsidR="00E94768" w:rsidRDefault="00E94768" w:rsidP="00E94768">
            <w:pPr>
              <w:pStyle w:val="HTMLPreformatted"/>
              <w:shd w:val="clear" w:color="auto" w:fill="2B2B2B"/>
              <w:rPr>
                <w:rFonts w:ascii="Consolas" w:hAnsi="Consolas"/>
                <w:color w:val="A9B7C6"/>
              </w:rPr>
            </w:pPr>
          </w:p>
          <w:p w14:paraId="72FA4E1B" w14:textId="0793458B" w:rsidR="00E94768" w:rsidRDefault="00E94768" w:rsidP="00E94768">
            <w:pPr>
              <w:pStyle w:val="HTMLPreformatted"/>
              <w:shd w:val="clear" w:color="auto" w:fill="2B2B2B"/>
              <w:rPr>
                <w:rFonts w:ascii="Consolas" w:hAnsi="Consolas"/>
                <w:color w:val="A9B7C6"/>
              </w:rPr>
            </w:pPr>
          </w:p>
          <w:p w14:paraId="37DF8FFB" w14:textId="77777777" w:rsidR="00E94768" w:rsidRDefault="00E94768" w:rsidP="00E94768">
            <w:pPr>
              <w:pStyle w:val="HTMLPreformatted"/>
              <w:shd w:val="clear" w:color="auto" w:fill="2B2B2B"/>
              <w:rPr>
                <w:rFonts w:ascii="Consolas" w:hAnsi="Consolas"/>
                <w:color w:val="A9B7C6"/>
              </w:rPr>
            </w:pPr>
          </w:p>
          <w:p w14:paraId="0B724B68" w14:textId="2BB8AD03" w:rsidR="00B17FE3" w:rsidRDefault="00B17FE3" w:rsidP="00B17FE3">
            <w:pPr>
              <w:pStyle w:val="HTMLPreformatted"/>
              <w:shd w:val="clear" w:color="auto" w:fill="2B2B2B"/>
              <w:rPr>
                <w:rFonts w:ascii="Consolas" w:hAnsi="Consolas"/>
                <w:color w:val="A9B7C6"/>
              </w:rPr>
            </w:pPr>
            <w:r>
              <w:rPr>
                <w:rFonts w:ascii="Consolas" w:hAnsi="Consolas"/>
                <w:color w:val="A9B7C6"/>
              </w:rPr>
              <w:br/>
              <w:t>{% if athlete_list %}</w:t>
            </w:r>
            <w:r>
              <w:rPr>
                <w:rFonts w:ascii="Consolas" w:hAnsi="Consolas"/>
                <w:color w:val="A9B7C6"/>
              </w:rPr>
              <w:br/>
              <w:t xml:space="preserve">    Number of athletes: {{ athlete_list|length }}</w:t>
            </w:r>
            <w:r>
              <w:rPr>
                <w:rFonts w:ascii="Consolas" w:hAnsi="Consolas"/>
                <w:color w:val="A9B7C6"/>
              </w:rPr>
              <w:br/>
              <w:t>{% elif athlete_in_locker_room_list %}</w:t>
            </w:r>
            <w:r>
              <w:rPr>
                <w:rFonts w:ascii="Consolas" w:hAnsi="Consolas"/>
                <w:color w:val="A9B7C6"/>
              </w:rPr>
              <w:br/>
              <w:t xml:space="preserve">    Athletes should be out of the locker room soon!</w:t>
            </w:r>
            <w:r>
              <w:rPr>
                <w:rFonts w:ascii="Consolas" w:hAnsi="Consolas"/>
                <w:color w:val="A9B7C6"/>
              </w:rPr>
              <w:br/>
              <w:t>{% else %}</w:t>
            </w:r>
            <w:r>
              <w:rPr>
                <w:rFonts w:ascii="Consolas" w:hAnsi="Consolas"/>
                <w:color w:val="A9B7C6"/>
              </w:rPr>
              <w:br/>
              <w:t xml:space="preserve">    No athletes.</w:t>
            </w:r>
            <w:r>
              <w:rPr>
                <w:rFonts w:ascii="Consolas" w:hAnsi="Consolas"/>
                <w:color w:val="A9B7C6"/>
              </w:rPr>
              <w:br/>
              <w:t>{% endif %}</w:t>
            </w:r>
          </w:p>
          <w:p w14:paraId="66D20DE0" w14:textId="236B36A6" w:rsidR="00B76B48" w:rsidRDefault="00B76B48" w:rsidP="00B17FE3">
            <w:pPr>
              <w:pStyle w:val="HTMLPreformatted"/>
              <w:shd w:val="clear" w:color="auto" w:fill="2B2B2B"/>
              <w:rPr>
                <w:rFonts w:ascii="Consolas" w:hAnsi="Consolas"/>
                <w:color w:val="A9B7C6"/>
              </w:rPr>
            </w:pPr>
          </w:p>
          <w:p w14:paraId="631C43D6" w14:textId="4E635829" w:rsidR="00B76B48" w:rsidRDefault="00B76B48" w:rsidP="00B17FE3">
            <w:pPr>
              <w:pStyle w:val="HTMLPreformatted"/>
              <w:shd w:val="clear" w:color="auto" w:fill="2B2B2B"/>
              <w:rPr>
                <w:rFonts w:ascii="Consolas" w:hAnsi="Consolas"/>
                <w:color w:val="A9B7C6"/>
              </w:rPr>
            </w:pPr>
          </w:p>
          <w:p w14:paraId="5439FA8E" w14:textId="4F4DF55F" w:rsidR="00B76B48" w:rsidRDefault="00B76B48" w:rsidP="00B17FE3">
            <w:pPr>
              <w:pStyle w:val="HTMLPreformatted"/>
              <w:shd w:val="clear" w:color="auto" w:fill="2B2B2B"/>
              <w:rPr>
                <w:rFonts w:ascii="Consolas" w:hAnsi="Consolas"/>
                <w:color w:val="A9B7C6"/>
              </w:rPr>
            </w:pPr>
          </w:p>
          <w:p w14:paraId="7CCB2AE7" w14:textId="78949E05" w:rsidR="00B76B48" w:rsidRDefault="00B76B48" w:rsidP="00B17FE3">
            <w:pPr>
              <w:pStyle w:val="HTMLPreformatted"/>
              <w:shd w:val="clear" w:color="auto" w:fill="2B2B2B"/>
              <w:rPr>
                <w:rFonts w:ascii="Consolas" w:hAnsi="Consolas"/>
                <w:color w:val="A9B7C6"/>
              </w:rPr>
            </w:pPr>
            <w:r>
              <w:rPr>
                <w:rFonts w:ascii="Consolas" w:hAnsi="Consolas"/>
                <w:color w:val="A9B7C6"/>
              </w:rPr>
              <w:t>Find list length = {{ athlete_list|length }}</w:t>
            </w:r>
          </w:p>
          <w:p w14:paraId="787F268A" w14:textId="40F67EBC" w:rsidR="00C653BC" w:rsidRDefault="00C653BC" w:rsidP="00B17FE3">
            <w:pPr>
              <w:pStyle w:val="HTMLPreformatted"/>
              <w:shd w:val="clear" w:color="auto" w:fill="2B2B2B"/>
              <w:rPr>
                <w:rFonts w:ascii="Consolas" w:hAnsi="Consolas"/>
                <w:color w:val="A9B7C6"/>
              </w:rPr>
            </w:pPr>
          </w:p>
          <w:p w14:paraId="4B68BCDA" w14:textId="0C21C6C6" w:rsidR="00C653BC" w:rsidRDefault="00C653BC" w:rsidP="00B17FE3">
            <w:pPr>
              <w:pStyle w:val="HTMLPreformatted"/>
              <w:shd w:val="clear" w:color="auto" w:fill="2B2B2B"/>
              <w:rPr>
                <w:rFonts w:ascii="Consolas" w:hAnsi="Consolas"/>
                <w:color w:val="A9B7C6"/>
              </w:rPr>
            </w:pPr>
          </w:p>
          <w:p w14:paraId="06D349AA" w14:textId="72BDA6EB" w:rsidR="00C653BC" w:rsidRDefault="00C653BC" w:rsidP="00B17FE3">
            <w:pPr>
              <w:pStyle w:val="HTMLPreformatted"/>
              <w:shd w:val="clear" w:color="auto" w:fill="2B2B2B"/>
              <w:rPr>
                <w:rFonts w:ascii="Consolas" w:hAnsi="Consolas"/>
                <w:color w:val="A9B7C6"/>
              </w:rPr>
            </w:pPr>
            <w:r>
              <w:rPr>
                <w:rFonts w:ascii="Consolas" w:hAnsi="Consolas"/>
                <w:color w:val="A9B7C6"/>
              </w:rPr>
              <w:t>{% if athlete_list and coach_list %}</w:t>
            </w:r>
            <w:r>
              <w:rPr>
                <w:rFonts w:ascii="Consolas" w:hAnsi="Consolas"/>
                <w:color w:val="A9B7C6"/>
              </w:rPr>
              <w:br/>
              <w:t xml:space="preserve">    Both athletes and coaches are available.</w:t>
            </w:r>
            <w:r>
              <w:rPr>
                <w:rFonts w:ascii="Consolas" w:hAnsi="Consolas"/>
                <w:color w:val="A9B7C6"/>
              </w:rPr>
              <w:br/>
              <w:t>{% endif %}</w:t>
            </w:r>
            <w:r>
              <w:rPr>
                <w:rFonts w:ascii="Consolas" w:hAnsi="Consolas"/>
                <w:color w:val="A9B7C6"/>
              </w:rPr>
              <w:br/>
            </w:r>
            <w:r>
              <w:rPr>
                <w:rFonts w:ascii="Consolas" w:hAnsi="Consolas"/>
                <w:color w:val="A9B7C6"/>
              </w:rPr>
              <w:br/>
              <w:t>{% if not athlete_list %}</w:t>
            </w:r>
            <w:r>
              <w:rPr>
                <w:rFonts w:ascii="Consolas" w:hAnsi="Consolas"/>
                <w:color w:val="A9B7C6"/>
              </w:rPr>
              <w:br/>
              <w:t xml:space="preserve">    There are no athletes.</w:t>
            </w:r>
            <w:r>
              <w:rPr>
                <w:rFonts w:ascii="Consolas" w:hAnsi="Consolas"/>
                <w:color w:val="A9B7C6"/>
              </w:rPr>
              <w:br/>
              <w:t>{% endif %}</w:t>
            </w:r>
            <w:r>
              <w:rPr>
                <w:rFonts w:ascii="Consolas" w:hAnsi="Consolas"/>
                <w:color w:val="A9B7C6"/>
              </w:rPr>
              <w:br/>
            </w:r>
            <w:r>
              <w:rPr>
                <w:rFonts w:ascii="Consolas" w:hAnsi="Consolas"/>
                <w:color w:val="A9B7C6"/>
              </w:rPr>
              <w:lastRenderedPageBreak/>
              <w:br/>
              <w:t>{% if athlete_list or coach_list %}</w:t>
            </w:r>
            <w:r>
              <w:rPr>
                <w:rFonts w:ascii="Consolas" w:hAnsi="Consolas"/>
                <w:color w:val="A9B7C6"/>
              </w:rPr>
              <w:br/>
              <w:t xml:space="preserve">    There are some athletes or some coaches.</w:t>
            </w:r>
            <w:r>
              <w:rPr>
                <w:rFonts w:ascii="Consolas" w:hAnsi="Consolas"/>
                <w:color w:val="A9B7C6"/>
              </w:rPr>
              <w:br/>
              <w:t>{% endif %}</w:t>
            </w:r>
            <w:r>
              <w:rPr>
                <w:rFonts w:ascii="Consolas" w:hAnsi="Consolas"/>
                <w:color w:val="A9B7C6"/>
              </w:rPr>
              <w:br/>
            </w:r>
            <w:r>
              <w:rPr>
                <w:rFonts w:ascii="Consolas" w:hAnsi="Consolas"/>
                <w:color w:val="A9B7C6"/>
              </w:rPr>
              <w:br/>
              <w:t>{% if not athlete_list or coach_list %}</w:t>
            </w:r>
            <w:r>
              <w:rPr>
                <w:rFonts w:ascii="Consolas" w:hAnsi="Consolas"/>
                <w:color w:val="A9B7C6"/>
              </w:rPr>
              <w:br/>
              <w:t xml:space="preserve">    There are no athletes or there are some coaches.</w:t>
            </w:r>
            <w:r>
              <w:rPr>
                <w:rFonts w:ascii="Consolas" w:hAnsi="Consolas"/>
                <w:color w:val="A9B7C6"/>
              </w:rPr>
              <w:br/>
              <w:t>{% endif %}</w:t>
            </w:r>
            <w:r>
              <w:rPr>
                <w:rFonts w:ascii="Consolas" w:hAnsi="Consolas"/>
                <w:color w:val="A9B7C6"/>
              </w:rPr>
              <w:br/>
            </w:r>
            <w:r>
              <w:rPr>
                <w:rFonts w:ascii="Consolas" w:hAnsi="Consolas"/>
                <w:color w:val="A9B7C6"/>
              </w:rPr>
              <w:br/>
              <w:t>{% if athlete_list and not coach_list %}</w:t>
            </w:r>
            <w:r>
              <w:rPr>
                <w:rFonts w:ascii="Consolas" w:hAnsi="Consolas"/>
                <w:color w:val="A9B7C6"/>
              </w:rPr>
              <w:br/>
              <w:t xml:space="preserve">    There are some athletes and absolutely no coaches.</w:t>
            </w:r>
            <w:r>
              <w:rPr>
                <w:rFonts w:ascii="Consolas" w:hAnsi="Consolas"/>
                <w:color w:val="A9B7C6"/>
              </w:rPr>
              <w:br/>
              <w:t>{% endif %}</w:t>
            </w:r>
          </w:p>
          <w:p w14:paraId="4E4CDCC5" w14:textId="75BE4B41" w:rsidR="00B76B48" w:rsidRDefault="00B76B48" w:rsidP="00B17FE3">
            <w:pPr>
              <w:pStyle w:val="HTMLPreformatted"/>
              <w:shd w:val="clear" w:color="auto" w:fill="2B2B2B"/>
              <w:rPr>
                <w:rFonts w:ascii="Consolas" w:hAnsi="Consolas"/>
                <w:color w:val="A9B7C6"/>
              </w:rPr>
            </w:pPr>
          </w:p>
          <w:p w14:paraId="2059E6B7" w14:textId="77777777" w:rsidR="00B76B48" w:rsidRDefault="00B76B48" w:rsidP="00B17FE3">
            <w:pPr>
              <w:pStyle w:val="HTMLPreformatted"/>
              <w:shd w:val="clear" w:color="auto" w:fill="2B2B2B"/>
              <w:rPr>
                <w:rFonts w:ascii="Consolas" w:hAnsi="Consolas"/>
                <w:color w:val="A9B7C6"/>
              </w:rPr>
            </w:pPr>
          </w:p>
          <w:p w14:paraId="62771EC0" w14:textId="77777777" w:rsidR="00B17FE3" w:rsidRDefault="00B17FE3" w:rsidP="00787C96"/>
        </w:tc>
      </w:tr>
    </w:tbl>
    <w:p w14:paraId="07194050" w14:textId="723FB440" w:rsidR="00B17FE3" w:rsidRDefault="00B17FE3" w:rsidP="00787C96"/>
    <w:p w14:paraId="10F2ECC5" w14:textId="5271FC3C" w:rsidR="001475CC" w:rsidRDefault="001475CC" w:rsidP="00787C96"/>
    <w:p w14:paraId="18471AD6" w14:textId="03E749C7" w:rsidR="00903376" w:rsidRDefault="00903376" w:rsidP="00C653BC">
      <w:pPr>
        <w:pStyle w:val="Heading2"/>
      </w:pPr>
      <w:bookmarkStart w:id="12" w:name="_Toc29831931"/>
      <w:r>
        <w:t>Conditions</w:t>
      </w:r>
      <w:bookmarkEnd w:id="12"/>
      <w:r>
        <w:t xml:space="preserve"> </w:t>
      </w:r>
    </w:p>
    <w:tbl>
      <w:tblPr>
        <w:tblStyle w:val="TableGrid"/>
        <w:tblW w:w="0" w:type="auto"/>
        <w:tblLook w:val="04A0" w:firstRow="1" w:lastRow="0" w:firstColumn="1" w:lastColumn="0" w:noHBand="0" w:noVBand="1"/>
      </w:tblPr>
      <w:tblGrid>
        <w:gridCol w:w="9350"/>
      </w:tblGrid>
      <w:tr w:rsidR="00903376" w14:paraId="5DCE10BA" w14:textId="77777777" w:rsidTr="00903376">
        <w:tc>
          <w:tcPr>
            <w:tcW w:w="9350" w:type="dxa"/>
          </w:tcPr>
          <w:p w14:paraId="203C51D4" w14:textId="77777777" w:rsidR="00B367CE" w:rsidRDefault="00B367CE" w:rsidP="00B367CE">
            <w:pPr>
              <w:pStyle w:val="HTMLPreformatted"/>
              <w:shd w:val="clear" w:color="auto" w:fill="2B2B2B"/>
              <w:rPr>
                <w:rFonts w:ascii="Consolas" w:hAnsi="Consolas"/>
                <w:color w:val="A9B7C6"/>
              </w:rPr>
            </w:pP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somevar == "x" %}</w:t>
            </w:r>
            <w:r>
              <w:rPr>
                <w:rFonts w:ascii="Consolas" w:hAnsi="Consolas"/>
                <w:color w:val="A9B7C6"/>
              </w:rPr>
              <w:br/>
              <w:t xml:space="preserve">  This appears if variable somevar equals the string "x"</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if somevar != "x" %}</w:t>
            </w:r>
            <w:r>
              <w:rPr>
                <w:rFonts w:ascii="Consolas" w:hAnsi="Consolas"/>
                <w:color w:val="A9B7C6"/>
              </w:rPr>
              <w:br/>
              <w:t xml:space="preserve">  This appears if variable somevar does not equal the string "x",</w:t>
            </w:r>
            <w:r>
              <w:rPr>
                <w:rFonts w:ascii="Consolas" w:hAnsi="Consolas"/>
                <w:color w:val="A9B7C6"/>
              </w:rPr>
              <w:br/>
              <w:t xml:space="preserve">  or if somevar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somevar &lt; 100 %}</w:t>
            </w:r>
            <w:r>
              <w:rPr>
                <w:rFonts w:ascii="Consolas" w:hAnsi="Consolas"/>
                <w:color w:val="A9B7C6"/>
              </w:rPr>
              <w:br/>
              <w:t xml:space="preserve">  This appears if variable somevar is less than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if somevar &gt; 0 %}</w:t>
            </w:r>
            <w:r>
              <w:rPr>
                <w:rFonts w:ascii="Consolas" w:hAnsi="Consolas"/>
                <w:color w:val="A9B7C6"/>
              </w:rPr>
              <w:br/>
              <w:t xml:space="preserve">  This appears if variable somevar is greater than 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somevar &lt;= 100 %}</w:t>
            </w:r>
            <w:r>
              <w:rPr>
                <w:rFonts w:ascii="Consolas" w:hAnsi="Consolas"/>
                <w:color w:val="A9B7C6"/>
              </w:rPr>
              <w:br/>
              <w:t xml:space="preserve">  This appears if variable somevar is less than 100 or equal to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lastRenderedPageBreak/>
              <w:br/>
            </w:r>
            <w:r>
              <w:rPr>
                <w:rFonts w:ascii="Consolas" w:hAnsi="Consolas"/>
                <w:color w:val="A9B7C6"/>
              </w:rPr>
              <w:br/>
              <w:t>{% if somevar &gt;= 1 %}</w:t>
            </w:r>
            <w:r>
              <w:rPr>
                <w:rFonts w:ascii="Consolas" w:hAnsi="Consolas"/>
                <w:color w:val="A9B7C6"/>
              </w:rPr>
              <w:br/>
              <w:t xml:space="preserve">  This appears if variable somevar is greater than 1 or equal to 1.</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bc" in "abcdef" %}</w:t>
            </w:r>
            <w:r>
              <w:rPr>
                <w:rFonts w:ascii="Consolas" w:hAnsi="Consolas"/>
                <w:color w:val="A9B7C6"/>
              </w:rPr>
              <w:br/>
              <w:t xml:space="preserve">  This appears since "bc" is a substring of "abcdef"</w:t>
            </w:r>
            <w:r>
              <w:rPr>
                <w:rFonts w:ascii="Consolas" w:hAnsi="Consolas"/>
                <w:color w:val="A9B7C6"/>
              </w:rPr>
              <w:br/>
              <w:t>{% endif %}</w:t>
            </w:r>
            <w:r>
              <w:rPr>
                <w:rFonts w:ascii="Consolas" w:hAnsi="Consolas"/>
                <w:color w:val="A9B7C6"/>
              </w:rPr>
              <w:br/>
            </w:r>
            <w:r>
              <w:rPr>
                <w:rFonts w:ascii="Consolas" w:hAnsi="Consolas"/>
                <w:color w:val="A9B7C6"/>
              </w:rPr>
              <w:br/>
              <w:t>{% if "hello" in greetings %}</w:t>
            </w:r>
            <w:r>
              <w:rPr>
                <w:rFonts w:ascii="Consolas" w:hAnsi="Consolas"/>
                <w:color w:val="A9B7C6"/>
              </w:rPr>
              <w:br/>
              <w:t xml:space="preserve">  If greetings is a list or set, one element of which is the string</w:t>
            </w:r>
            <w:r>
              <w:rPr>
                <w:rFonts w:ascii="Consolas" w:hAnsi="Consolas"/>
                <w:color w:val="A9B7C6"/>
              </w:rPr>
              <w:br/>
              <w:t xml:space="preserve">  "hello", this will appear.</w:t>
            </w:r>
            <w:r>
              <w:rPr>
                <w:rFonts w:ascii="Consolas" w:hAnsi="Consolas"/>
                <w:color w:val="A9B7C6"/>
              </w:rPr>
              <w:br/>
              <w:t>{% endif %}</w:t>
            </w:r>
            <w:r>
              <w:rPr>
                <w:rFonts w:ascii="Consolas" w:hAnsi="Consolas"/>
                <w:color w:val="A9B7C6"/>
              </w:rPr>
              <w:br/>
            </w:r>
            <w:r>
              <w:rPr>
                <w:rFonts w:ascii="Consolas" w:hAnsi="Consolas"/>
                <w:color w:val="A9B7C6"/>
              </w:rPr>
              <w:br/>
              <w:t>{% if user in users %}</w:t>
            </w:r>
            <w:r>
              <w:rPr>
                <w:rFonts w:ascii="Consolas" w:hAnsi="Consolas"/>
                <w:color w:val="A9B7C6"/>
              </w:rPr>
              <w:br/>
              <w:t xml:space="preserve">  If users is a QuerySet, this will appear if user is an</w:t>
            </w:r>
            <w:r>
              <w:rPr>
                <w:rFonts w:ascii="Consolas" w:hAnsi="Consolas"/>
                <w:color w:val="A9B7C6"/>
              </w:rPr>
              <w:br/>
              <w:t xml:space="preserve">  instance that belongs to the QuerySe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if somevar is True %}</w:t>
            </w:r>
            <w:r>
              <w:rPr>
                <w:rFonts w:ascii="Consolas" w:hAnsi="Consolas"/>
                <w:color w:val="A9B7C6"/>
              </w:rPr>
              <w:br/>
              <w:t xml:space="preserve">  This appears if and only if somevar is True.</w:t>
            </w:r>
            <w:r>
              <w:rPr>
                <w:rFonts w:ascii="Consolas" w:hAnsi="Consolas"/>
                <w:color w:val="A9B7C6"/>
              </w:rPr>
              <w:br/>
              <w:t>{% endif %}</w:t>
            </w:r>
            <w:r>
              <w:rPr>
                <w:rFonts w:ascii="Consolas" w:hAnsi="Consolas"/>
                <w:color w:val="A9B7C6"/>
              </w:rPr>
              <w:br/>
            </w:r>
            <w:r>
              <w:rPr>
                <w:rFonts w:ascii="Consolas" w:hAnsi="Consolas"/>
                <w:color w:val="A9B7C6"/>
              </w:rPr>
              <w:br/>
              <w:t>{% if somevar is None %}</w:t>
            </w:r>
            <w:r>
              <w:rPr>
                <w:rFonts w:ascii="Consolas" w:hAnsi="Consolas"/>
                <w:color w:val="A9B7C6"/>
              </w:rPr>
              <w:br/>
              <w:t xml:space="preserve">  This appears if somevar is None, or if somevar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It is {% now "jS F Y H:i" %}</w:t>
            </w:r>
            <w:r>
              <w:rPr>
                <w:rFonts w:ascii="Consolas" w:hAnsi="Consolas"/>
                <w:color w:val="A9B7C6"/>
              </w:rPr>
              <w:br/>
              <w:t>It is the {% now "jS \o\f F" %}</w:t>
            </w:r>
          </w:p>
          <w:p w14:paraId="6BF2D479" w14:textId="77777777" w:rsidR="00903376" w:rsidRDefault="00903376" w:rsidP="00787C96"/>
        </w:tc>
      </w:tr>
    </w:tbl>
    <w:p w14:paraId="44854098" w14:textId="53D5EE4B" w:rsidR="00903376" w:rsidRDefault="00903376" w:rsidP="00787C96"/>
    <w:p w14:paraId="6A9CBF95" w14:textId="77777777" w:rsidR="00347D7C" w:rsidRDefault="00347D7C" w:rsidP="00347D7C">
      <w:pPr>
        <w:pStyle w:val="Heading2"/>
      </w:pPr>
      <w:bookmarkStart w:id="13" w:name="_Toc29831930"/>
      <w:r>
        <w:t>For loop</w:t>
      </w:r>
      <w:bookmarkEnd w:id="13"/>
    </w:p>
    <w:tbl>
      <w:tblPr>
        <w:tblStyle w:val="TableGrid"/>
        <w:tblW w:w="0" w:type="auto"/>
        <w:tblLook w:val="04A0" w:firstRow="1" w:lastRow="0" w:firstColumn="1" w:lastColumn="0" w:noHBand="0" w:noVBand="1"/>
      </w:tblPr>
      <w:tblGrid>
        <w:gridCol w:w="9350"/>
      </w:tblGrid>
      <w:tr w:rsidR="00347D7C" w14:paraId="30557AF8" w14:textId="77777777" w:rsidTr="00C91E48">
        <w:tc>
          <w:tcPr>
            <w:tcW w:w="9350" w:type="dxa"/>
          </w:tcPr>
          <w:p w14:paraId="1A6EB982" w14:textId="77777777" w:rsidR="00347D7C" w:rsidRDefault="00347D7C" w:rsidP="00C91E48">
            <w:pPr>
              <w:pStyle w:val="HTMLPreformatted"/>
              <w:shd w:val="clear" w:color="auto" w:fill="2B2B2B"/>
              <w:rPr>
                <w:rFonts w:ascii="Consolas" w:hAnsi="Consolas"/>
                <w:color w:val="A9B7C6"/>
              </w:rPr>
            </w:pPr>
          </w:p>
          <w:p w14:paraId="24CF65CD" w14:textId="77777777" w:rsidR="00347D7C" w:rsidRDefault="00347D7C" w:rsidP="00C91E48">
            <w:pPr>
              <w:pStyle w:val="HTMLPreformatted"/>
              <w:shd w:val="clear" w:color="auto" w:fill="2B2B2B"/>
              <w:rPr>
                <w:rFonts w:ascii="Consolas" w:hAnsi="Consolas"/>
                <w:color w:val="A9B7C6"/>
              </w:rPr>
            </w:pPr>
          </w:p>
          <w:p w14:paraId="43813E71" w14:textId="77777777" w:rsidR="00347D7C" w:rsidRDefault="00347D7C" w:rsidP="00C91E48">
            <w:pPr>
              <w:pStyle w:val="HTMLPreformatted"/>
              <w:shd w:val="clear" w:color="auto" w:fill="2B2B2B"/>
              <w:rPr>
                <w:rFonts w:ascii="Consolas" w:hAnsi="Consolas"/>
                <w:color w:val="E8BF6A"/>
              </w:rPr>
            </w:pPr>
            <w:r>
              <w:rPr>
                <w:rFonts w:ascii="Consolas" w:hAnsi="Consolas"/>
                <w:color w:val="A9B7C6"/>
              </w:rPr>
              <w:br/>
            </w:r>
            <w:r>
              <w:rPr>
                <w:rFonts w:ascii="Consolas" w:hAnsi="Consolas"/>
                <w:color w:val="E8BF6A"/>
              </w:rPr>
              <w:t>&lt;ul&gt;</w:t>
            </w:r>
            <w:r>
              <w:rPr>
                <w:rFonts w:ascii="Consolas" w:hAnsi="Consolas"/>
                <w:color w:val="E8BF6A"/>
              </w:rPr>
              <w:br/>
            </w:r>
            <w:r>
              <w:rPr>
                <w:rFonts w:ascii="Consolas" w:hAnsi="Consolas"/>
                <w:color w:val="A9B7C6"/>
              </w:rPr>
              <w:t>{% for athlete in athlete_list %}</w:t>
            </w:r>
            <w:r>
              <w:rPr>
                <w:rFonts w:ascii="Consolas" w:hAnsi="Consolas"/>
                <w:color w:val="A9B7C6"/>
              </w:rPr>
              <w:br/>
              <w:t xml:space="preserve">    </w:t>
            </w:r>
            <w:r>
              <w:rPr>
                <w:rFonts w:ascii="Consolas" w:hAnsi="Consolas"/>
                <w:color w:val="E8BF6A"/>
              </w:rPr>
              <w:t>&lt;li&gt;</w:t>
            </w:r>
            <w:r>
              <w:rPr>
                <w:rFonts w:ascii="Consolas" w:hAnsi="Consolas"/>
                <w:color w:val="A9B7C6"/>
              </w:rPr>
              <w:t>{{ athlete.name }}</w:t>
            </w:r>
            <w:r>
              <w:rPr>
                <w:rFonts w:ascii="Consolas" w:hAnsi="Consolas"/>
                <w:color w:val="E8BF6A"/>
              </w:rPr>
              <w:t>&lt;/li&gt;</w:t>
            </w:r>
            <w:r>
              <w:rPr>
                <w:rFonts w:ascii="Consolas" w:hAnsi="Consolas"/>
                <w:color w:val="E8BF6A"/>
              </w:rPr>
              <w:br/>
            </w:r>
            <w:r>
              <w:rPr>
                <w:rFonts w:ascii="Consolas" w:hAnsi="Consolas"/>
                <w:color w:val="A9B7C6"/>
              </w:rPr>
              <w:t>{% empty %}</w:t>
            </w:r>
            <w:r>
              <w:rPr>
                <w:rFonts w:ascii="Consolas" w:hAnsi="Consolas"/>
                <w:color w:val="A9B7C6"/>
              </w:rPr>
              <w:br/>
              <w:t xml:space="preserve">    </w:t>
            </w:r>
            <w:r>
              <w:rPr>
                <w:rFonts w:ascii="Consolas" w:hAnsi="Consolas"/>
                <w:color w:val="E8BF6A"/>
              </w:rPr>
              <w:t>&lt;li&gt;</w:t>
            </w:r>
            <w:r>
              <w:rPr>
                <w:rFonts w:ascii="Consolas" w:hAnsi="Consolas"/>
                <w:color w:val="A9B7C6"/>
              </w:rPr>
              <w:t>Sorry, no athletes in this list.</w:t>
            </w:r>
            <w:r>
              <w:rPr>
                <w:rFonts w:ascii="Consolas" w:hAnsi="Consolas"/>
                <w:color w:val="E8BF6A"/>
              </w:rPr>
              <w:t>&lt;/li&gt;</w:t>
            </w:r>
            <w:r>
              <w:rPr>
                <w:rFonts w:ascii="Consolas" w:hAnsi="Consolas"/>
                <w:color w:val="E8BF6A"/>
              </w:rPr>
              <w:br/>
            </w:r>
            <w:r>
              <w:rPr>
                <w:rFonts w:ascii="Consolas" w:hAnsi="Consolas"/>
                <w:color w:val="A9B7C6"/>
              </w:rPr>
              <w:t>{% endfor %}</w:t>
            </w:r>
            <w:r>
              <w:rPr>
                <w:rFonts w:ascii="Consolas" w:hAnsi="Consolas"/>
                <w:color w:val="A9B7C6"/>
              </w:rPr>
              <w:br/>
            </w:r>
            <w:r>
              <w:rPr>
                <w:rFonts w:ascii="Consolas" w:hAnsi="Consolas"/>
                <w:color w:val="E8BF6A"/>
              </w:rPr>
              <w:t>&lt;/ul&gt;</w:t>
            </w:r>
          </w:p>
          <w:p w14:paraId="50454E24" w14:textId="77777777" w:rsidR="00347D7C" w:rsidRDefault="00347D7C" w:rsidP="00C91E48">
            <w:pPr>
              <w:pStyle w:val="HTMLPreformatted"/>
              <w:shd w:val="clear" w:color="auto" w:fill="2B2B2B"/>
              <w:rPr>
                <w:rFonts w:ascii="Consolas" w:hAnsi="Consolas"/>
                <w:color w:val="E8BF6A"/>
              </w:rPr>
            </w:pPr>
          </w:p>
          <w:p w14:paraId="0DD393CC" w14:textId="77777777" w:rsidR="00347D7C" w:rsidRDefault="00347D7C" w:rsidP="00C91E48">
            <w:pPr>
              <w:pStyle w:val="HTMLPreformatted"/>
              <w:shd w:val="clear" w:color="auto" w:fill="2B2B2B"/>
              <w:rPr>
                <w:rFonts w:ascii="Consolas" w:hAnsi="Consolas"/>
                <w:color w:val="E8BF6A"/>
              </w:rPr>
            </w:pPr>
          </w:p>
          <w:p w14:paraId="08D9AEFD" w14:textId="77777777" w:rsidR="00347D7C" w:rsidRDefault="00347D7C" w:rsidP="00C91E48">
            <w:pPr>
              <w:pStyle w:val="HTMLPreformatted"/>
              <w:shd w:val="clear" w:color="auto" w:fill="2B2B2B"/>
              <w:rPr>
                <w:rFonts w:ascii="Consolas" w:hAnsi="Consolas"/>
                <w:color w:val="E8BF6A"/>
              </w:rPr>
            </w:pPr>
          </w:p>
          <w:p w14:paraId="221AC407" w14:textId="77777777" w:rsidR="00347D7C" w:rsidRDefault="00347D7C" w:rsidP="00C91E48">
            <w:pPr>
              <w:pStyle w:val="HTMLPreformatted"/>
              <w:shd w:val="clear" w:color="auto" w:fill="2B2B2B"/>
              <w:rPr>
                <w:rFonts w:ascii="Consolas" w:hAnsi="Consolas"/>
                <w:color w:val="A9B7C6"/>
              </w:rPr>
            </w:pPr>
            <w:r>
              <w:rPr>
                <w:rFonts w:ascii="Consolas" w:hAnsi="Consolas"/>
                <w:color w:val="A9B7C6"/>
              </w:rPr>
              <w:br/>
              <w:t>forloop.counter    The current iteration of the loop (1-indexed)</w:t>
            </w:r>
            <w:r>
              <w:rPr>
                <w:rFonts w:ascii="Consolas" w:hAnsi="Consolas"/>
                <w:color w:val="A9B7C6"/>
              </w:rPr>
              <w:br/>
              <w:t>forloop.counter0   The current iteration of the loop (0-indexed)</w:t>
            </w:r>
            <w:r>
              <w:rPr>
                <w:rFonts w:ascii="Consolas" w:hAnsi="Consolas"/>
                <w:color w:val="A9B7C6"/>
              </w:rPr>
              <w:br/>
              <w:t>forloop.revcounter The number of iterations from the end of the loop (1-indexed)</w:t>
            </w:r>
            <w:r>
              <w:rPr>
                <w:rFonts w:ascii="Consolas" w:hAnsi="Consolas"/>
                <w:color w:val="A9B7C6"/>
              </w:rPr>
              <w:br/>
              <w:t>forloop.revcounter0    The number of iterations from the end of the loop (0-indexed)</w:t>
            </w:r>
            <w:r>
              <w:rPr>
                <w:rFonts w:ascii="Consolas" w:hAnsi="Consolas"/>
                <w:color w:val="A9B7C6"/>
              </w:rPr>
              <w:br/>
              <w:t>forloop.first  True if this is the first time through the loop</w:t>
            </w:r>
            <w:r>
              <w:rPr>
                <w:rFonts w:ascii="Consolas" w:hAnsi="Consolas"/>
                <w:color w:val="A9B7C6"/>
              </w:rPr>
              <w:br/>
              <w:t>forloop.last   True if this is the last time through the loop</w:t>
            </w:r>
            <w:r>
              <w:rPr>
                <w:rFonts w:ascii="Consolas" w:hAnsi="Consolas"/>
                <w:color w:val="A9B7C6"/>
              </w:rPr>
              <w:br/>
              <w:t>forloop.parentloop For nested loops, this is the loop surrounding the current one</w:t>
            </w:r>
          </w:p>
          <w:p w14:paraId="77DF0925" w14:textId="77777777" w:rsidR="00347D7C" w:rsidRDefault="00347D7C" w:rsidP="00C91E48">
            <w:pPr>
              <w:pStyle w:val="HTMLPreformatted"/>
              <w:shd w:val="clear" w:color="auto" w:fill="2B2B2B"/>
              <w:rPr>
                <w:rFonts w:ascii="Consolas" w:hAnsi="Consolas"/>
                <w:color w:val="A9B7C6"/>
              </w:rPr>
            </w:pPr>
          </w:p>
          <w:p w14:paraId="426ED105" w14:textId="77777777" w:rsidR="00347D7C" w:rsidRDefault="00347D7C" w:rsidP="00C91E48"/>
        </w:tc>
      </w:tr>
    </w:tbl>
    <w:p w14:paraId="5A5B40E0" w14:textId="77777777" w:rsidR="00347D7C" w:rsidRDefault="00347D7C" w:rsidP="00347D7C"/>
    <w:p w14:paraId="79D4C7D5" w14:textId="77777777" w:rsidR="00347D7C" w:rsidRDefault="00347D7C" w:rsidP="00347D7C"/>
    <w:p w14:paraId="51239686" w14:textId="5D52865E" w:rsidR="00994C8C" w:rsidRDefault="00994C8C" w:rsidP="00787C96"/>
    <w:p w14:paraId="41F9AF5F" w14:textId="09696D02" w:rsidR="00994C8C" w:rsidRDefault="00994C8C" w:rsidP="00C653BC">
      <w:pPr>
        <w:pStyle w:val="Heading2"/>
      </w:pPr>
      <w:bookmarkStart w:id="14" w:name="_Toc29831932"/>
      <w:r>
        <w:t>Includes:</w:t>
      </w:r>
      <w:bookmarkEnd w:id="14"/>
    </w:p>
    <w:p w14:paraId="6E083979" w14:textId="42BE1051" w:rsidR="000E7D3C" w:rsidRDefault="000E7D3C" w:rsidP="00787C96">
      <w:r>
        <w:t>Commons.htm</w:t>
      </w:r>
      <w:r w:rsidR="007235A0">
        <w:t>l</w:t>
      </w:r>
    </w:p>
    <w:tbl>
      <w:tblPr>
        <w:tblStyle w:val="TableGrid"/>
        <w:tblW w:w="0" w:type="auto"/>
        <w:tblLook w:val="04A0" w:firstRow="1" w:lastRow="0" w:firstColumn="1" w:lastColumn="0" w:noHBand="0" w:noVBand="1"/>
      </w:tblPr>
      <w:tblGrid>
        <w:gridCol w:w="9350"/>
      </w:tblGrid>
      <w:tr w:rsidR="00ED7C23" w14:paraId="69409B5D" w14:textId="77777777" w:rsidTr="00ED7C23">
        <w:tc>
          <w:tcPr>
            <w:tcW w:w="9350" w:type="dxa"/>
          </w:tcPr>
          <w:p w14:paraId="5B85F6F9" w14:textId="70C70901" w:rsidR="00ED7C23" w:rsidRDefault="00ED7C23" w:rsidP="00ED7C23">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r>
              <w:rPr>
                <w:rFonts w:ascii="Consolas" w:hAnsi="Consolas"/>
                <w:color w:val="BABABA"/>
              </w:rPr>
              <w:t>lang</w:t>
            </w:r>
            <w:r>
              <w:rPr>
                <w:rFonts w:ascii="Consolas" w:hAnsi="Consolas"/>
                <w:color w:val="A5C261"/>
              </w:rPr>
              <w:t>="en"</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A9B7C6"/>
              </w:rPr>
              <w:t>welcome my dear</w:t>
            </w:r>
            <w:r>
              <w:rPr>
                <w:rFonts w:ascii="Consolas" w:hAnsi="Consolas"/>
                <w:color w:val="A9B7C6"/>
              </w:rPr>
              <w:br/>
            </w:r>
            <w:r>
              <w:rPr>
                <w:rFonts w:ascii="Consolas" w:hAnsi="Consolas"/>
                <w:color w:val="E8BF6A"/>
              </w:rPr>
              <w:t>&lt;br/&gt;</w:t>
            </w:r>
            <w:r>
              <w:rPr>
                <w:rFonts w:ascii="Consolas" w:hAnsi="Consolas"/>
                <w:color w:val="E8BF6A"/>
              </w:rPr>
              <w:br/>
              <w:t xml:space="preserve"> </w:t>
            </w:r>
            <w:r>
              <w:rPr>
                <w:rFonts w:ascii="Consolas" w:hAnsi="Consolas"/>
                <w:color w:val="A9B7C6"/>
              </w:rPr>
              <w:t>p1 = {{p1}}</w:t>
            </w:r>
            <w:r>
              <w:rPr>
                <w:rFonts w:ascii="Consolas" w:hAnsi="Consolas"/>
                <w:color w:val="A9B7C6"/>
              </w:rPr>
              <w:br/>
            </w:r>
            <w:r>
              <w:rPr>
                <w:rFonts w:ascii="Consolas" w:hAnsi="Consolas"/>
                <w:color w:val="E8BF6A"/>
              </w:rPr>
              <w:t>&lt;br/&gt;</w:t>
            </w:r>
            <w:r>
              <w:rPr>
                <w:rFonts w:ascii="Consolas" w:hAnsi="Consolas"/>
                <w:color w:val="E8BF6A"/>
              </w:rPr>
              <w:br/>
            </w:r>
            <w:r>
              <w:rPr>
                <w:rFonts w:ascii="Consolas" w:hAnsi="Consolas"/>
                <w:color w:val="A9B7C6"/>
              </w:rPr>
              <w:t>p2= {{p2</w:t>
            </w:r>
            <w:r w:rsidR="00513949">
              <w:rPr>
                <w:rFonts w:ascii="Consolas" w:hAnsi="Consolas"/>
                <w:color w:val="A9B7C6"/>
              </w:rPr>
              <w:t>}}</w:t>
            </w:r>
            <w:r>
              <w:rPr>
                <w:rFonts w:ascii="Consolas" w:hAnsi="Consolas"/>
                <w:color w:val="A9B7C6"/>
              </w:rPr>
              <w:br/>
            </w:r>
            <w:r>
              <w:rPr>
                <w:rFonts w:ascii="Consolas" w:hAnsi="Consolas"/>
                <w:color w:val="A9B7C6"/>
              </w:rPr>
              <w:br/>
            </w:r>
            <w:r>
              <w:rPr>
                <w:rFonts w:ascii="Consolas" w:hAnsi="Consolas"/>
                <w:color w:val="E8BF6A"/>
              </w:rPr>
              <w:t>&lt;/body&gt;</w:t>
            </w:r>
            <w:r>
              <w:rPr>
                <w:rFonts w:ascii="Consolas" w:hAnsi="Consolas"/>
                <w:color w:val="E8BF6A"/>
              </w:rPr>
              <w:br/>
              <w:t>&lt;/html&gt;</w:t>
            </w:r>
          </w:p>
          <w:p w14:paraId="64F6C06A" w14:textId="77777777" w:rsidR="00ED7C23" w:rsidRDefault="00ED7C23" w:rsidP="00787C96"/>
        </w:tc>
      </w:tr>
    </w:tbl>
    <w:p w14:paraId="5F997135" w14:textId="641D1CAF" w:rsidR="00994C8C" w:rsidRDefault="00994C8C" w:rsidP="00787C96"/>
    <w:p w14:paraId="4BE24675" w14:textId="42B5CB06" w:rsidR="00557D33" w:rsidRDefault="00557D33" w:rsidP="00787C96"/>
    <w:p w14:paraId="533A7AD2" w14:textId="1CB8F6AA" w:rsidR="00557D33" w:rsidRDefault="00557D33" w:rsidP="00787C96"/>
    <w:p w14:paraId="0638955C" w14:textId="77777777" w:rsidR="00C653BC" w:rsidRDefault="00C653BC" w:rsidP="00C653BC">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r>
        <w:rPr>
          <w:rFonts w:ascii="Consolas" w:hAnsi="Consolas"/>
          <w:color w:val="BABABA"/>
        </w:rPr>
        <w:t>lang</w:t>
      </w:r>
      <w:r>
        <w:rPr>
          <w:rFonts w:ascii="Consolas" w:hAnsi="Consolas"/>
          <w:color w:val="A5C261"/>
        </w:rPr>
        <w:t>="en"</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E8BF6A"/>
        </w:rPr>
        <w:br/>
      </w:r>
      <w:r>
        <w:rPr>
          <w:rFonts w:ascii="Consolas" w:hAnsi="Consolas"/>
          <w:color w:val="A9B7C6"/>
        </w:rPr>
        <w:t>{% include "common.html" %}</w:t>
      </w:r>
      <w:r>
        <w:rPr>
          <w:rFonts w:ascii="Consolas" w:hAnsi="Consolas"/>
          <w:color w:val="A9B7C6"/>
        </w:rPr>
        <w:br/>
      </w:r>
      <w:r>
        <w:rPr>
          <w:rFonts w:ascii="Consolas" w:hAnsi="Consolas"/>
          <w:color w:val="A9B7C6"/>
        </w:rPr>
        <w:lastRenderedPageBreak/>
        <w:br/>
      </w:r>
      <w:r>
        <w:rPr>
          <w:rFonts w:ascii="Consolas" w:hAnsi="Consolas"/>
          <w:color w:val="E8BF6A"/>
        </w:rPr>
        <w:t>&lt;br/&gt;</w:t>
      </w:r>
      <w:r>
        <w:rPr>
          <w:rFonts w:ascii="Consolas" w:hAnsi="Consolas"/>
          <w:color w:val="E8BF6A"/>
        </w:rPr>
        <w:br/>
      </w:r>
      <w:r>
        <w:rPr>
          <w:rFonts w:ascii="Consolas" w:hAnsi="Consolas"/>
          <w:color w:val="A9B7C6"/>
        </w:rPr>
        <w:t>hello</w:t>
      </w:r>
      <w:r>
        <w:rPr>
          <w:rFonts w:ascii="Consolas" w:hAnsi="Consolas"/>
          <w:color w:val="A9B7C6"/>
        </w:rPr>
        <w:br/>
      </w:r>
      <w:r>
        <w:rPr>
          <w:rFonts w:ascii="Consolas" w:hAnsi="Consolas"/>
          <w:color w:val="A9B7C6"/>
        </w:rPr>
        <w:br/>
        <w:t>{% include "common.html"  with p1="testP1" p2="testP2" %}</w:t>
      </w:r>
      <w:r>
        <w:rPr>
          <w:rFonts w:ascii="Consolas" w:hAnsi="Consolas"/>
          <w:color w:val="A9B7C6"/>
        </w:rPr>
        <w:br/>
      </w:r>
      <w:r>
        <w:rPr>
          <w:rFonts w:ascii="Consolas" w:hAnsi="Consolas"/>
          <w:color w:val="A9B7C6"/>
        </w:rPr>
        <w:br/>
      </w:r>
      <w:r>
        <w:rPr>
          <w:rFonts w:ascii="Consolas" w:hAnsi="Consolas"/>
          <w:color w:val="E8BF6A"/>
        </w:rPr>
        <w:t>&lt;/body&gt;</w:t>
      </w:r>
      <w:r>
        <w:rPr>
          <w:rFonts w:ascii="Consolas" w:hAnsi="Consolas"/>
          <w:color w:val="E8BF6A"/>
        </w:rPr>
        <w:br/>
        <w:t>&lt;/html&gt;</w:t>
      </w:r>
    </w:p>
    <w:p w14:paraId="7EDBA8D4" w14:textId="0C02D884" w:rsidR="00C653BC" w:rsidRDefault="00C653BC" w:rsidP="00787C96"/>
    <w:p w14:paraId="6438FB23" w14:textId="79074B53" w:rsidR="00E95C77" w:rsidRDefault="00E95C77" w:rsidP="00787C96"/>
    <w:p w14:paraId="27E1B1C1" w14:textId="2EA4600D" w:rsidR="00E95C77" w:rsidRDefault="00E95C77" w:rsidP="00CE3EFE">
      <w:pPr>
        <w:pStyle w:val="Heading1"/>
      </w:pPr>
      <w:r>
        <w:t>Model class</w:t>
      </w:r>
    </w:p>
    <w:p w14:paraId="7305915C" w14:textId="619D3AB1" w:rsidR="00E95C77" w:rsidRDefault="00E95C77" w:rsidP="00787C96"/>
    <w:tbl>
      <w:tblPr>
        <w:tblStyle w:val="TableGrid"/>
        <w:tblW w:w="0" w:type="auto"/>
        <w:tblLook w:val="04A0" w:firstRow="1" w:lastRow="0" w:firstColumn="1" w:lastColumn="0" w:noHBand="0" w:noVBand="1"/>
      </w:tblPr>
      <w:tblGrid>
        <w:gridCol w:w="9350"/>
      </w:tblGrid>
      <w:tr w:rsidR="009639D5" w14:paraId="0078EB4A" w14:textId="77777777" w:rsidTr="009639D5">
        <w:tc>
          <w:tcPr>
            <w:tcW w:w="9350" w:type="dxa"/>
          </w:tcPr>
          <w:p w14:paraId="22964A21" w14:textId="70EB6860" w:rsidR="009639D5" w:rsidRDefault="009639D5" w:rsidP="00787C96">
            <w:pPr>
              <w:rPr>
                <w:rFonts w:ascii="Arial" w:hAnsi="Arial" w:cs="Arial"/>
                <w:shd w:val="clear" w:color="auto" w:fill="FFFFFF"/>
              </w:rPr>
            </w:pPr>
            <w:r>
              <w:rPr>
                <w:rFonts w:ascii="Arial" w:hAnsi="Arial" w:cs="Arial"/>
                <w:shd w:val="clear" w:color="auto" w:fill="FFFFFF"/>
              </w:rPr>
              <w:t>ImageField is a </w:t>
            </w:r>
            <w:hyperlink r:id="rId9" w:tgtFrame="_blank" w:history="1">
              <w:r>
                <w:rPr>
                  <w:rStyle w:val="Hyperlink"/>
                  <w:rFonts w:ascii="Arial" w:hAnsi="Arial" w:cs="Arial"/>
                  <w:color w:val="EC4E20"/>
                  <w:bdr w:val="none" w:sz="0" w:space="0" w:color="auto" w:frame="1"/>
                  <w:shd w:val="clear" w:color="auto" w:fill="FFFFFF"/>
                </w:rPr>
                <w:t>FileField</w:t>
              </w:r>
            </w:hyperlink>
            <w:r>
              <w:rPr>
                <w:rFonts w:ascii="Arial" w:hAnsi="Arial" w:cs="Arial"/>
                <w:shd w:val="clear" w:color="auto" w:fill="FFFFFF"/>
              </w:rPr>
              <w:t> with uploads restricted to image formats only. Before uploading files, one needs to specify a lot of settings so that file is securely saved and can be retrieved in a convenient manner. The default form widget for this field is a </w:t>
            </w:r>
            <w:hyperlink r:id="rId10" w:anchor="django.forms.ClearableFileInput" w:tgtFrame="_blank" w:history="1">
              <w:r>
                <w:rPr>
                  <w:rStyle w:val="Hyperlink"/>
                  <w:rFonts w:ascii="Arial" w:hAnsi="Arial" w:cs="Arial"/>
                  <w:color w:val="EC4E20"/>
                  <w:bdr w:val="none" w:sz="0" w:space="0" w:color="auto" w:frame="1"/>
                  <w:shd w:val="clear" w:color="auto" w:fill="FFFFFF"/>
                </w:rPr>
                <w:t>ClearableFileInput</w:t>
              </w:r>
            </w:hyperlink>
            <w:r>
              <w:rPr>
                <w:rFonts w:ascii="Arial" w:hAnsi="Arial" w:cs="Arial"/>
                <w:shd w:val="clear" w:color="auto" w:fill="FFFFFF"/>
              </w:rPr>
              <w:t>. In addition to the special attributes that are available for FileField, an ImageField also has height and width attributes.</w:t>
            </w:r>
            <w:r>
              <w:rPr>
                <w:rFonts w:ascii="Arial" w:hAnsi="Arial" w:cs="Arial"/>
              </w:rPr>
              <w:br/>
            </w:r>
            <w:r>
              <w:rPr>
                <w:rFonts w:ascii="Arial" w:hAnsi="Arial" w:cs="Arial"/>
                <w:shd w:val="clear" w:color="auto" w:fill="FFFFFF"/>
              </w:rPr>
              <w:t>ImageField requires the Pillow library. To install the same run,</w:t>
            </w:r>
          </w:p>
          <w:p w14:paraId="10D5D580" w14:textId="77777777" w:rsidR="009639D5" w:rsidRDefault="009639D5" w:rsidP="009639D5">
            <w:r>
              <w:t>Pip install pillow</w:t>
            </w:r>
          </w:p>
          <w:p w14:paraId="121027DC" w14:textId="12DB465C" w:rsidR="009639D5" w:rsidRDefault="009639D5" w:rsidP="00787C96">
            <w:pPr>
              <w:rPr>
                <w:rFonts w:ascii="Arial" w:hAnsi="Arial" w:cs="Arial"/>
                <w:shd w:val="clear" w:color="auto" w:fill="FFFFFF"/>
              </w:rPr>
            </w:pPr>
          </w:p>
          <w:p w14:paraId="085B994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class</w:t>
            </w:r>
            <w:r w:rsidRPr="00542FA9">
              <w:rPr>
                <w:rFonts w:ascii="Consolas" w:eastAsia="Times New Roman" w:hAnsi="Consolas" w:cs="Times New Roman"/>
                <w:sz w:val="24"/>
                <w:szCs w:val="24"/>
              </w:rPr>
              <w:t xml:space="preserve"> </w:t>
            </w:r>
            <w:r w:rsidRPr="00542FA9">
              <w:rPr>
                <w:rFonts w:ascii="Courier New" w:eastAsia="Times New Roman" w:hAnsi="Courier New" w:cs="Courier New"/>
                <w:sz w:val="20"/>
                <w:szCs w:val="20"/>
              </w:rPr>
              <w:t xml:space="preserve">GeeksModel(Model): </w:t>
            </w:r>
          </w:p>
          <w:p w14:paraId="3D13917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    geeks_field =</w:t>
            </w:r>
            <w:r w:rsidRPr="00542FA9">
              <w:rPr>
                <w:rFonts w:ascii="Consolas" w:eastAsia="Times New Roman" w:hAnsi="Consolas" w:cs="Times New Roman"/>
                <w:sz w:val="24"/>
                <w:szCs w:val="24"/>
              </w:rPr>
              <w:t xml:space="preserve"> </w:t>
            </w:r>
            <w:r w:rsidRPr="00542FA9">
              <w:rPr>
                <w:rFonts w:ascii="Courier New" w:eastAsia="Times New Roman" w:hAnsi="Courier New" w:cs="Courier New"/>
                <w:sz w:val="20"/>
                <w:szCs w:val="20"/>
              </w:rPr>
              <w:t xml:space="preserve">models.ImageField() </w:t>
            </w:r>
          </w:p>
          <w:p w14:paraId="0126E0A3" w14:textId="77777777" w:rsidR="00542FA9" w:rsidRDefault="00542FA9" w:rsidP="00787C96">
            <w:pPr>
              <w:rPr>
                <w:rFonts w:ascii="Arial" w:hAnsi="Arial" w:cs="Arial"/>
                <w:shd w:val="clear" w:color="auto" w:fill="FFFFFF"/>
              </w:rPr>
            </w:pPr>
          </w:p>
          <w:p w14:paraId="35F48401" w14:textId="686FC2EF" w:rsidR="009639D5" w:rsidRDefault="009639D5" w:rsidP="00787C96"/>
        </w:tc>
      </w:tr>
    </w:tbl>
    <w:p w14:paraId="67E17CED" w14:textId="77777777" w:rsidR="009639D5" w:rsidRDefault="009639D5" w:rsidP="00787C96"/>
    <w:p w14:paraId="3BFABEE8" w14:textId="77777777" w:rsidR="00506423" w:rsidRDefault="00506423" w:rsidP="00787C96"/>
    <w:tbl>
      <w:tblPr>
        <w:tblStyle w:val="TableGrid"/>
        <w:tblW w:w="0" w:type="auto"/>
        <w:tblLook w:val="04A0" w:firstRow="1" w:lastRow="0" w:firstColumn="1" w:lastColumn="0" w:noHBand="0" w:noVBand="1"/>
      </w:tblPr>
      <w:tblGrid>
        <w:gridCol w:w="9350"/>
      </w:tblGrid>
      <w:tr w:rsidR="00CE3EFE" w14:paraId="0325F682" w14:textId="77777777" w:rsidTr="00CE3EFE">
        <w:tc>
          <w:tcPr>
            <w:tcW w:w="9350" w:type="dxa"/>
          </w:tcPr>
          <w:p w14:paraId="28E6A08C" w14:textId="5890E68A"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CC7832"/>
                <w:sz w:val="20"/>
                <w:szCs w:val="20"/>
              </w:rPr>
            </w:pPr>
            <w:r>
              <w:rPr>
                <w:rFonts w:ascii="Consolas" w:eastAsia="Times New Roman" w:hAnsi="Consolas" w:cs="Courier New"/>
                <w:b/>
                <w:color w:val="CC7832"/>
                <w:sz w:val="20"/>
                <w:szCs w:val="20"/>
              </w:rPr>
              <w:t xml:space="preserve">Changes in </w:t>
            </w:r>
            <w:r w:rsidRPr="008B776C">
              <w:rPr>
                <w:rFonts w:ascii="Consolas" w:eastAsia="Times New Roman" w:hAnsi="Consolas" w:cs="Courier New"/>
                <w:b/>
                <w:color w:val="CC7832"/>
                <w:sz w:val="20"/>
                <w:szCs w:val="20"/>
              </w:rPr>
              <w:t>Models.py</w:t>
            </w:r>
          </w:p>
          <w:p w14:paraId="6DF05EEB" w14:textId="70B6A58D" w:rsidR="00CE3EFE" w:rsidRDefault="00CE3EFE"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CE3EFE">
              <w:rPr>
                <w:rFonts w:ascii="Consolas" w:eastAsia="Times New Roman" w:hAnsi="Consolas" w:cs="Courier New"/>
                <w:color w:val="CC7832"/>
                <w:sz w:val="20"/>
                <w:szCs w:val="20"/>
              </w:rPr>
              <w:t xml:space="preserve">from </w:t>
            </w:r>
            <w:r w:rsidRPr="00CE3EFE">
              <w:rPr>
                <w:rFonts w:ascii="Consolas" w:eastAsia="Times New Roman" w:hAnsi="Consolas" w:cs="Courier New"/>
                <w:color w:val="A9B7C6"/>
                <w:sz w:val="20"/>
                <w:szCs w:val="20"/>
              </w:rPr>
              <w:t xml:space="preserve">django.db </w:t>
            </w:r>
            <w:r w:rsidRPr="00CE3EFE">
              <w:rPr>
                <w:rFonts w:ascii="Consolas" w:eastAsia="Times New Roman" w:hAnsi="Consolas" w:cs="Courier New"/>
                <w:color w:val="CC7832"/>
                <w:sz w:val="20"/>
                <w:szCs w:val="20"/>
              </w:rPr>
              <w:t xml:space="preserve">import </w:t>
            </w:r>
            <w:r w:rsidRPr="00CE3EFE">
              <w:rPr>
                <w:rFonts w:ascii="Consolas" w:eastAsia="Times New Roman" w:hAnsi="Consolas" w:cs="Courier New"/>
                <w:color w:val="A9B7C6"/>
                <w:sz w:val="20"/>
                <w:szCs w:val="20"/>
              </w:rPr>
              <w:t>models</w:t>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808080"/>
                <w:sz w:val="20"/>
                <w:szCs w:val="20"/>
              </w:rPr>
              <w:t># Create your models here.</w:t>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CC7832"/>
                <w:sz w:val="20"/>
                <w:szCs w:val="20"/>
              </w:rPr>
              <w:t xml:space="preserve">class </w:t>
            </w:r>
            <w:r w:rsidRPr="00CE3EFE">
              <w:rPr>
                <w:rFonts w:ascii="Consolas" w:eastAsia="Times New Roman" w:hAnsi="Consolas" w:cs="Courier New"/>
                <w:color w:val="A9B7C6"/>
                <w:sz w:val="20"/>
                <w:szCs w:val="20"/>
              </w:rPr>
              <w:t>Person(models.Model):</w:t>
            </w:r>
            <w:r w:rsidRPr="00CE3EFE">
              <w:rPr>
                <w:rFonts w:ascii="Consolas" w:eastAsia="Times New Roman" w:hAnsi="Consolas" w:cs="Courier New"/>
                <w:color w:val="A9B7C6"/>
                <w:sz w:val="20"/>
                <w:szCs w:val="20"/>
              </w:rPr>
              <w:br/>
              <w:t xml:space="preserve">    firstName = models.CharField(</w:t>
            </w:r>
            <w:r w:rsidRPr="00CE3EFE">
              <w:rPr>
                <w:rFonts w:ascii="Consolas" w:eastAsia="Times New Roman" w:hAnsi="Consolas" w:cs="Courier New"/>
                <w:color w:val="AA4926"/>
                <w:sz w:val="20"/>
                <w:szCs w:val="20"/>
              </w:rPr>
              <w:t>max_length</w:t>
            </w:r>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lastName = models.CharField(</w:t>
            </w:r>
            <w:r w:rsidRPr="00CE3EFE">
              <w:rPr>
                <w:rFonts w:ascii="Consolas" w:eastAsia="Times New Roman" w:hAnsi="Consolas" w:cs="Courier New"/>
                <w:color w:val="AA4926"/>
                <w:sz w:val="20"/>
                <w:szCs w:val="20"/>
              </w:rPr>
              <w:t>max_length</w:t>
            </w:r>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age = models.IntegerField</w:t>
            </w:r>
          </w:p>
          <w:p w14:paraId="29FA08C3" w14:textId="782EE219"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39A4E14D" w14:textId="056429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E990E3B" w14:textId="00C3DB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74C8B741" w14:textId="066B66E4"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A9B7C6"/>
                <w:sz w:val="20"/>
                <w:szCs w:val="20"/>
                <w:u w:val="single"/>
              </w:rPr>
            </w:pPr>
            <w:r>
              <w:rPr>
                <w:rFonts w:ascii="Consolas" w:eastAsia="Times New Roman" w:hAnsi="Consolas" w:cs="Courier New"/>
                <w:b/>
                <w:color w:val="A9B7C6"/>
                <w:sz w:val="20"/>
                <w:szCs w:val="20"/>
                <w:u w:val="single"/>
              </w:rPr>
              <w:t xml:space="preserve">changes in  </w:t>
            </w:r>
            <w:r w:rsidRPr="008B776C">
              <w:rPr>
                <w:rFonts w:ascii="Consolas" w:eastAsia="Times New Roman" w:hAnsi="Consolas" w:cs="Courier New"/>
                <w:b/>
                <w:color w:val="A9B7C6"/>
                <w:sz w:val="20"/>
                <w:szCs w:val="20"/>
                <w:u w:val="single"/>
              </w:rPr>
              <w:t>admin.py:</w:t>
            </w:r>
          </w:p>
          <w:p w14:paraId="604E0877" w14:textId="77777777" w:rsidR="008B776C" w:rsidRPr="008B776C" w:rsidRDefault="008B776C" w:rsidP="008B776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8B776C">
              <w:rPr>
                <w:rFonts w:ascii="Consolas" w:eastAsia="Times New Roman" w:hAnsi="Consolas" w:cs="Courier New"/>
                <w:color w:val="CC7832"/>
                <w:sz w:val="20"/>
                <w:szCs w:val="20"/>
              </w:rPr>
              <w:t xml:space="preserve">from </w:t>
            </w:r>
            <w:r w:rsidRPr="008B776C">
              <w:rPr>
                <w:rFonts w:ascii="Consolas" w:eastAsia="Times New Roman" w:hAnsi="Consolas" w:cs="Courier New"/>
                <w:color w:val="A9B7C6"/>
                <w:sz w:val="20"/>
                <w:szCs w:val="20"/>
              </w:rPr>
              <w:t xml:space="preserve">django.contrib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r>
            <w:r w:rsidRPr="008B776C">
              <w:rPr>
                <w:rFonts w:ascii="Consolas" w:eastAsia="Times New Roman" w:hAnsi="Consolas" w:cs="Courier New"/>
                <w:color w:val="808080"/>
                <w:sz w:val="20"/>
                <w:szCs w:val="20"/>
              </w:rPr>
              <w:t># Register your models here.</w:t>
            </w:r>
            <w:r w:rsidRPr="008B776C">
              <w:rPr>
                <w:rFonts w:ascii="Consolas" w:eastAsia="Times New Roman" w:hAnsi="Consolas" w:cs="Courier New"/>
                <w:color w:val="808080"/>
                <w:sz w:val="20"/>
                <w:szCs w:val="20"/>
              </w:rPr>
              <w:br/>
            </w:r>
            <w:r w:rsidRPr="008B776C">
              <w:rPr>
                <w:rFonts w:ascii="Consolas" w:eastAsia="Times New Roman" w:hAnsi="Consolas" w:cs="Courier New"/>
                <w:color w:val="CC7832"/>
                <w:sz w:val="20"/>
                <w:szCs w:val="20"/>
              </w:rPr>
              <w:t xml:space="preserve">from </w:t>
            </w:r>
            <w:r w:rsidRPr="008B776C">
              <w:rPr>
                <w:rFonts w:ascii="Consolas" w:eastAsia="Times New Roman" w:hAnsi="Consolas" w:cs="Courier New"/>
                <w:color w:val="A9B7C6"/>
                <w:sz w:val="20"/>
                <w:szCs w:val="20"/>
              </w:rPr>
              <w:t xml:space="preserve">django.contrib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CC7832"/>
                <w:sz w:val="20"/>
                <w:szCs w:val="20"/>
              </w:rPr>
              <w:t xml:space="preserve">from </w:t>
            </w:r>
            <w:r w:rsidRPr="008B776C">
              <w:rPr>
                <w:rFonts w:ascii="Consolas" w:eastAsia="Times New Roman" w:hAnsi="Consolas" w:cs="Courier New"/>
                <w:color w:val="A9B7C6"/>
                <w:sz w:val="20"/>
                <w:szCs w:val="20"/>
              </w:rPr>
              <w:t xml:space="preserve">.models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Perso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t>admin.site.register(Person)</w:t>
            </w:r>
          </w:p>
          <w:p w14:paraId="39A98A4C" w14:textId="77777777" w:rsidR="008B776C" w:rsidRPr="00CE3EFE"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91FC719" w14:textId="77777777" w:rsidR="00CE3EFE" w:rsidRDefault="00CE3EFE" w:rsidP="00787C96"/>
        </w:tc>
      </w:tr>
    </w:tbl>
    <w:p w14:paraId="1680EE3E" w14:textId="26A978B7" w:rsidR="00CE3EFE" w:rsidRDefault="00CE3EFE" w:rsidP="00787C96"/>
    <w:p w14:paraId="4E88D3FB" w14:textId="7239134E" w:rsidR="007F192A" w:rsidRDefault="007F192A" w:rsidP="00787C96"/>
    <w:p w14:paraId="12A69059" w14:textId="1AFC674C" w:rsidR="007F192A" w:rsidRDefault="007F192A" w:rsidP="00787C96"/>
    <w:p w14:paraId="60139497" w14:textId="6A3857B8" w:rsidR="007F192A" w:rsidRDefault="007F192A" w:rsidP="00787C96"/>
    <w:p w14:paraId="0E8A1925" w14:textId="62F3581C" w:rsidR="007F192A" w:rsidRDefault="007F192A" w:rsidP="00787C96"/>
    <w:p w14:paraId="2C8828CD" w14:textId="7E921942" w:rsidR="007F192A" w:rsidRDefault="007F192A" w:rsidP="00787C96"/>
    <w:p w14:paraId="45E0028B" w14:textId="77777777" w:rsidR="007F192A" w:rsidRDefault="007F192A" w:rsidP="00787C96"/>
    <w:p w14:paraId="4EB355DA" w14:textId="0A2DEDF9" w:rsidR="00E07A21" w:rsidRPr="00E07A21" w:rsidRDefault="00E07A21" w:rsidP="008014C5">
      <w:pPr>
        <w:rPr>
          <w:b/>
          <w:u w:val="single"/>
        </w:rPr>
      </w:pPr>
      <w:r w:rsidRPr="00E07A21">
        <w:rPr>
          <w:b/>
          <w:u w:val="single"/>
        </w:rPr>
        <w:t>Steps:</w:t>
      </w:r>
    </w:p>
    <w:tbl>
      <w:tblPr>
        <w:tblStyle w:val="TableGrid"/>
        <w:tblW w:w="0" w:type="auto"/>
        <w:tblLook w:val="04A0" w:firstRow="1" w:lastRow="0" w:firstColumn="1" w:lastColumn="0" w:noHBand="0" w:noVBand="1"/>
      </w:tblPr>
      <w:tblGrid>
        <w:gridCol w:w="9350"/>
      </w:tblGrid>
      <w:tr w:rsidR="00417259" w14:paraId="5A57EF0B" w14:textId="77777777" w:rsidTr="00417259">
        <w:tc>
          <w:tcPr>
            <w:tcW w:w="9350" w:type="dxa"/>
          </w:tcPr>
          <w:p w14:paraId="550CFF9C" w14:textId="77777777" w:rsidR="005009B5" w:rsidRDefault="005009B5" w:rsidP="00301736">
            <w:pPr>
              <w:rPr>
                <w:b/>
              </w:rPr>
            </w:pPr>
          </w:p>
          <w:p w14:paraId="38DAE309" w14:textId="218A6337" w:rsidR="00301736" w:rsidRPr="009B1A9B" w:rsidRDefault="00301736" w:rsidP="00301736">
            <w:pPr>
              <w:rPr>
                <w:b/>
              </w:rPr>
            </w:pPr>
            <w:r w:rsidRPr="009B1A9B">
              <w:rPr>
                <w:b/>
              </w:rPr>
              <w:t>(test) C:\Users\i335484\myprojects\myProject&gt;py manage.py makemigrations</w:t>
            </w:r>
          </w:p>
          <w:p w14:paraId="4044B473" w14:textId="77777777" w:rsidR="00301736" w:rsidRDefault="00301736" w:rsidP="00301736">
            <w:r>
              <w:t>Migrations for 'login':</w:t>
            </w:r>
          </w:p>
          <w:p w14:paraId="26CB7400" w14:textId="77777777" w:rsidR="00301736" w:rsidRDefault="00301736" w:rsidP="00301736">
            <w:r>
              <w:t xml:space="preserve">  login\migrations\0001_initial.py</w:t>
            </w:r>
          </w:p>
          <w:p w14:paraId="3FBECF4F" w14:textId="662DDDC5" w:rsidR="00301736" w:rsidRDefault="00301736" w:rsidP="00301736">
            <w:pPr>
              <w:rPr>
                <w:b/>
              </w:rPr>
            </w:pPr>
            <w:r>
              <w:t xml:space="preserve">    - Create model Person</w:t>
            </w:r>
          </w:p>
          <w:p w14:paraId="795E7C7E" w14:textId="77777777" w:rsidR="00301736" w:rsidRDefault="00301736" w:rsidP="00417259">
            <w:pPr>
              <w:rPr>
                <w:b/>
              </w:rPr>
            </w:pPr>
          </w:p>
          <w:p w14:paraId="62C59FAF" w14:textId="1623E03F" w:rsidR="00417259" w:rsidRPr="00626F28" w:rsidRDefault="00417259" w:rsidP="00417259">
            <w:pPr>
              <w:rPr>
                <w:b/>
              </w:rPr>
            </w:pPr>
            <w:r w:rsidRPr="00626F28">
              <w:rPr>
                <w:b/>
              </w:rPr>
              <w:t>(test) C:\Users\i335484\myprojects\myProject&gt;py manage.py sqlmigrate login 0001</w:t>
            </w:r>
          </w:p>
          <w:p w14:paraId="528BE7A5" w14:textId="77777777" w:rsidR="00417259" w:rsidRDefault="00417259" w:rsidP="00417259">
            <w:r>
              <w:t>BEGIN;</w:t>
            </w:r>
          </w:p>
          <w:p w14:paraId="5C42946F" w14:textId="77777777" w:rsidR="00417259" w:rsidRDefault="00417259" w:rsidP="00417259">
            <w:r>
              <w:t>--</w:t>
            </w:r>
          </w:p>
          <w:p w14:paraId="01454AF5" w14:textId="77777777" w:rsidR="00417259" w:rsidRDefault="00417259" w:rsidP="00417259">
            <w:r>
              <w:t>-- Create model Person</w:t>
            </w:r>
          </w:p>
          <w:p w14:paraId="5A594A4E" w14:textId="77777777" w:rsidR="00417259" w:rsidRDefault="00417259" w:rsidP="00417259">
            <w:r>
              <w:t>--</w:t>
            </w:r>
          </w:p>
          <w:p w14:paraId="2E84801C" w14:textId="77777777" w:rsidR="00417259" w:rsidRDefault="00417259" w:rsidP="00417259">
            <w:r>
              <w:t>CREATE TABLE "login_person" ("id" integer NOT NULL PRIMARY KEY AUTOINCREMENT, "firstName" varchar(30) NOT NULL, "lastName" varchar(30) NOT NULL);</w:t>
            </w:r>
          </w:p>
          <w:p w14:paraId="4DBE1FB0" w14:textId="77777777" w:rsidR="00417259" w:rsidRDefault="00417259" w:rsidP="00417259">
            <w:r>
              <w:t>COMMIT;</w:t>
            </w:r>
          </w:p>
          <w:p w14:paraId="515D633C" w14:textId="77777777" w:rsidR="00417259" w:rsidRDefault="00417259" w:rsidP="00417259"/>
          <w:p w14:paraId="615F7546" w14:textId="77777777" w:rsidR="00417259" w:rsidRDefault="00417259" w:rsidP="00417259"/>
          <w:p w14:paraId="2398AC2D" w14:textId="6B45EB3C" w:rsidR="00417259" w:rsidRDefault="00417259" w:rsidP="00417259"/>
          <w:p w14:paraId="745E4B50" w14:textId="77777777" w:rsidR="00626F28" w:rsidRPr="00626F28" w:rsidRDefault="00626F28" w:rsidP="00417259">
            <w:pPr>
              <w:rPr>
                <w:b/>
              </w:rPr>
            </w:pPr>
          </w:p>
          <w:p w14:paraId="57162D30" w14:textId="77777777" w:rsidR="00417259" w:rsidRPr="00626F28" w:rsidRDefault="00417259" w:rsidP="00417259">
            <w:pPr>
              <w:rPr>
                <w:b/>
              </w:rPr>
            </w:pPr>
          </w:p>
          <w:p w14:paraId="79307656" w14:textId="77777777" w:rsidR="00417259" w:rsidRPr="00626F28" w:rsidRDefault="00417259" w:rsidP="00417259">
            <w:pPr>
              <w:rPr>
                <w:b/>
              </w:rPr>
            </w:pPr>
            <w:r w:rsidRPr="00626F28">
              <w:rPr>
                <w:b/>
              </w:rPr>
              <w:t>(test) C:\Users\i335484\myprojects\myProject&gt;py manage.py sqlmigrate login 0002</w:t>
            </w:r>
          </w:p>
          <w:p w14:paraId="5338A6EB" w14:textId="77777777" w:rsidR="00417259" w:rsidRDefault="00417259" w:rsidP="00417259">
            <w:r>
              <w:t>BEGIN;</w:t>
            </w:r>
          </w:p>
          <w:p w14:paraId="3F6871F1" w14:textId="77777777" w:rsidR="00417259" w:rsidRDefault="00417259" w:rsidP="00417259">
            <w:r>
              <w:t>--</w:t>
            </w:r>
          </w:p>
          <w:p w14:paraId="24E80BF6" w14:textId="77777777" w:rsidR="00417259" w:rsidRDefault="00417259" w:rsidP="00417259">
            <w:r>
              <w:t>-- Add field age to person</w:t>
            </w:r>
          </w:p>
          <w:p w14:paraId="751F94EF" w14:textId="77777777" w:rsidR="00417259" w:rsidRDefault="00417259" w:rsidP="00417259">
            <w:r>
              <w:t>--</w:t>
            </w:r>
          </w:p>
          <w:p w14:paraId="57A19A58" w14:textId="77777777" w:rsidR="00417259" w:rsidRDefault="00417259" w:rsidP="00417259">
            <w:r>
              <w:t>CREATE TABLE "new__login_person" ("id" integer NOT NULL PRIMARY KEY AUTOINCREMENT, "age" integer NOT NULL, "firstName" varchar(30) NOT NULL, "lastName" varchar(30) NOT NULL);</w:t>
            </w:r>
          </w:p>
          <w:p w14:paraId="6DAB162E" w14:textId="77777777" w:rsidR="00417259" w:rsidRDefault="00417259" w:rsidP="00417259">
            <w:r>
              <w:t>INSERT INTO "new__login_person" ("id", "firstName", "lastName", "age") SELECT "id", "firstName", "lastName", -1 FROM "login_person";</w:t>
            </w:r>
          </w:p>
          <w:p w14:paraId="577ED859" w14:textId="77777777" w:rsidR="00417259" w:rsidRDefault="00417259" w:rsidP="00417259">
            <w:r>
              <w:t>DROP TABLE "login_person";</w:t>
            </w:r>
          </w:p>
          <w:p w14:paraId="383EAF11" w14:textId="77777777" w:rsidR="00417259" w:rsidRDefault="00417259" w:rsidP="00417259">
            <w:r>
              <w:t>ALTER TABLE "new__login_person" RENAME TO "login_person";</w:t>
            </w:r>
          </w:p>
          <w:p w14:paraId="3E79B71D" w14:textId="2667DAF8" w:rsidR="00417259" w:rsidRDefault="00417259" w:rsidP="00417259">
            <w:r>
              <w:t>COMMIT;</w:t>
            </w:r>
          </w:p>
          <w:p w14:paraId="79483448" w14:textId="7E271CCE" w:rsidR="00626F28" w:rsidRDefault="00626F28" w:rsidP="00417259"/>
          <w:p w14:paraId="3D88FDB4" w14:textId="4B79A766" w:rsidR="00626F28" w:rsidRDefault="00626F28" w:rsidP="00417259"/>
          <w:p w14:paraId="40CF2888" w14:textId="77777777" w:rsidR="00626F28" w:rsidRDefault="00626F28" w:rsidP="00626F28"/>
          <w:p w14:paraId="6652C20B" w14:textId="77777777" w:rsidR="00626F28" w:rsidRPr="00626F28" w:rsidRDefault="00626F28" w:rsidP="00626F28">
            <w:pPr>
              <w:rPr>
                <w:b/>
              </w:rPr>
            </w:pPr>
            <w:r w:rsidRPr="00626F28">
              <w:rPr>
                <w:b/>
              </w:rPr>
              <w:t>(test) C:\Users\i335484\myprojects\myProject&gt;py manage.py migrate</w:t>
            </w:r>
          </w:p>
          <w:p w14:paraId="0FEB1BA2" w14:textId="77777777" w:rsidR="00626F28" w:rsidRDefault="00626F28" w:rsidP="00626F28">
            <w:r>
              <w:t>Operations to perform:</w:t>
            </w:r>
          </w:p>
          <w:p w14:paraId="498FBE16" w14:textId="77777777" w:rsidR="00626F28" w:rsidRDefault="00626F28" w:rsidP="00626F28">
            <w:r>
              <w:t xml:space="preserve">  Apply all migrations: admin, auth, contenttypes, login, sessions</w:t>
            </w:r>
          </w:p>
          <w:p w14:paraId="2A7C4097" w14:textId="77777777" w:rsidR="00626F28" w:rsidRDefault="00626F28" w:rsidP="00626F28">
            <w:r>
              <w:t>Running migrations:</w:t>
            </w:r>
          </w:p>
          <w:p w14:paraId="1517D910" w14:textId="0CCACBD4" w:rsidR="00626F28" w:rsidRDefault="00626F28" w:rsidP="00626F28">
            <w:r>
              <w:t xml:space="preserve">  No migrations to apply.</w:t>
            </w:r>
          </w:p>
          <w:p w14:paraId="5AFA4713" w14:textId="4E85938C" w:rsidR="00626F28" w:rsidRDefault="00626F28" w:rsidP="00626F28"/>
          <w:p w14:paraId="757A2E0F" w14:textId="77777777" w:rsidR="00626F28" w:rsidRDefault="00626F28" w:rsidP="00626F28"/>
          <w:p w14:paraId="689BB203" w14:textId="27E9D89B" w:rsidR="00417259" w:rsidRDefault="00417259" w:rsidP="00417259">
            <w:r>
              <w:rPr>
                <w:noProof/>
              </w:rPr>
              <w:drawing>
                <wp:inline distT="0" distB="0" distL="0" distR="0" wp14:anchorId="51278182" wp14:editId="73A031D7">
                  <wp:extent cx="5943600" cy="3136900"/>
                  <wp:effectExtent l="0" t="0" r="0" b="635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3136900"/>
                          </a:xfrm>
                          <a:prstGeom prst="rect">
                            <a:avLst/>
                          </a:prstGeom>
                        </pic:spPr>
                      </pic:pic>
                    </a:graphicData>
                  </a:graphic>
                </wp:inline>
              </w:drawing>
            </w:r>
          </w:p>
          <w:p w14:paraId="50B877CA" w14:textId="77777777" w:rsidR="00417259" w:rsidRDefault="00417259" w:rsidP="00417259"/>
          <w:p w14:paraId="77783A0D" w14:textId="38091D5E" w:rsidR="00417259" w:rsidRDefault="00417259" w:rsidP="00417259"/>
        </w:tc>
      </w:tr>
    </w:tbl>
    <w:p w14:paraId="3EA147A7" w14:textId="77777777" w:rsidR="00417259" w:rsidRDefault="00417259" w:rsidP="008014C5"/>
    <w:p w14:paraId="547DF132" w14:textId="77777777" w:rsidR="008014C5" w:rsidRDefault="008014C5" w:rsidP="00787C96"/>
    <w:sectPr w:rsidR="008014C5">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3E2D1FF" w14:textId="77777777" w:rsidR="001E07D2" w:rsidRDefault="001E07D2" w:rsidP="00C02C54">
      <w:pPr>
        <w:spacing w:after="0" w:line="240" w:lineRule="auto"/>
      </w:pPr>
      <w:r>
        <w:separator/>
      </w:r>
    </w:p>
  </w:endnote>
  <w:endnote w:type="continuationSeparator" w:id="0">
    <w:p w14:paraId="1C9312F1" w14:textId="77777777" w:rsidR="001E07D2" w:rsidRDefault="001E07D2" w:rsidP="00C02C5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Arial">
    <w:panose1 w:val="020B0604020202020204"/>
    <w:charset w:val="00"/>
    <w:family w:val="swiss"/>
    <w:pitch w:val="variable"/>
    <w:sig w:usb0="E0002EFF" w:usb1="C000785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6DE1D15" w14:textId="77777777" w:rsidR="001E07D2" w:rsidRDefault="001E07D2" w:rsidP="00C02C54">
      <w:pPr>
        <w:spacing w:after="0" w:line="240" w:lineRule="auto"/>
      </w:pPr>
      <w:r>
        <w:separator/>
      </w:r>
    </w:p>
  </w:footnote>
  <w:footnote w:type="continuationSeparator" w:id="0">
    <w:p w14:paraId="01FAFC41" w14:textId="77777777" w:rsidR="001E07D2" w:rsidRDefault="001E07D2" w:rsidP="00C02C5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581320C"/>
    <w:multiLevelType w:val="multilevel"/>
    <w:tmpl w:val="5B2C096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20E8109A"/>
    <w:multiLevelType w:val="hybridMultilevel"/>
    <w:tmpl w:val="89B8EC50"/>
    <w:lvl w:ilvl="0" w:tplc="D5B8B3CE">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15:restartNumberingAfterBreak="0">
    <w:nsid w:val="2EC16CF8"/>
    <w:multiLevelType w:val="hybridMultilevel"/>
    <w:tmpl w:val="C5807B9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53616730"/>
    <w:multiLevelType w:val="multilevel"/>
    <w:tmpl w:val="C1F8CE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3"/>
  </w:num>
  <w:num w:numId="2">
    <w:abstractNumId w:val="0"/>
  </w:num>
  <w:num w:numId="3">
    <w:abstractNumId w:val="1"/>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648F7"/>
    <w:rsid w:val="00001FD2"/>
    <w:rsid w:val="00004C39"/>
    <w:rsid w:val="00020D4A"/>
    <w:rsid w:val="00042C7E"/>
    <w:rsid w:val="00050FB2"/>
    <w:rsid w:val="0007612F"/>
    <w:rsid w:val="000A3C46"/>
    <w:rsid w:val="000B391F"/>
    <w:rsid w:val="000B5E61"/>
    <w:rsid w:val="000D4895"/>
    <w:rsid w:val="000E0DA1"/>
    <w:rsid w:val="000E45A2"/>
    <w:rsid w:val="000E7D3C"/>
    <w:rsid w:val="00142029"/>
    <w:rsid w:val="001475CC"/>
    <w:rsid w:val="00162448"/>
    <w:rsid w:val="00163D3F"/>
    <w:rsid w:val="00171814"/>
    <w:rsid w:val="00183E8C"/>
    <w:rsid w:val="00194D9B"/>
    <w:rsid w:val="00196DCC"/>
    <w:rsid w:val="001A1005"/>
    <w:rsid w:val="001A7D83"/>
    <w:rsid w:val="001B1E57"/>
    <w:rsid w:val="001B778B"/>
    <w:rsid w:val="001C6B6B"/>
    <w:rsid w:val="001D0A42"/>
    <w:rsid w:val="001D290B"/>
    <w:rsid w:val="001E07D2"/>
    <w:rsid w:val="001E260F"/>
    <w:rsid w:val="001E41A2"/>
    <w:rsid w:val="00215708"/>
    <w:rsid w:val="00222FFF"/>
    <w:rsid w:val="00225324"/>
    <w:rsid w:val="002361B3"/>
    <w:rsid w:val="00236E23"/>
    <w:rsid w:val="00237D39"/>
    <w:rsid w:val="00252E61"/>
    <w:rsid w:val="0026189B"/>
    <w:rsid w:val="00293192"/>
    <w:rsid w:val="002B64C4"/>
    <w:rsid w:val="002F24AE"/>
    <w:rsid w:val="00301736"/>
    <w:rsid w:val="00305B99"/>
    <w:rsid w:val="00312213"/>
    <w:rsid w:val="003141AB"/>
    <w:rsid w:val="00317217"/>
    <w:rsid w:val="0032024A"/>
    <w:rsid w:val="003219C1"/>
    <w:rsid w:val="003461C5"/>
    <w:rsid w:val="00347D7C"/>
    <w:rsid w:val="00356134"/>
    <w:rsid w:val="00356151"/>
    <w:rsid w:val="003565A5"/>
    <w:rsid w:val="00362569"/>
    <w:rsid w:val="003673D9"/>
    <w:rsid w:val="00370041"/>
    <w:rsid w:val="00376099"/>
    <w:rsid w:val="003840DD"/>
    <w:rsid w:val="00391CEB"/>
    <w:rsid w:val="003A759A"/>
    <w:rsid w:val="003B09CE"/>
    <w:rsid w:val="003C077D"/>
    <w:rsid w:val="003D617F"/>
    <w:rsid w:val="003E409B"/>
    <w:rsid w:val="003E5437"/>
    <w:rsid w:val="003F2BD9"/>
    <w:rsid w:val="003F46D4"/>
    <w:rsid w:val="004024B0"/>
    <w:rsid w:val="00417259"/>
    <w:rsid w:val="004204E2"/>
    <w:rsid w:val="00426B2A"/>
    <w:rsid w:val="00444AAE"/>
    <w:rsid w:val="00450E3A"/>
    <w:rsid w:val="004648F7"/>
    <w:rsid w:val="0047765F"/>
    <w:rsid w:val="00485C6E"/>
    <w:rsid w:val="00487224"/>
    <w:rsid w:val="00494998"/>
    <w:rsid w:val="004A5FA6"/>
    <w:rsid w:val="004B2091"/>
    <w:rsid w:val="004B791B"/>
    <w:rsid w:val="004C500F"/>
    <w:rsid w:val="004E2F6D"/>
    <w:rsid w:val="004E6FE6"/>
    <w:rsid w:val="005009B5"/>
    <w:rsid w:val="00506423"/>
    <w:rsid w:val="00511C80"/>
    <w:rsid w:val="00513949"/>
    <w:rsid w:val="00517C8E"/>
    <w:rsid w:val="00527939"/>
    <w:rsid w:val="00542FA9"/>
    <w:rsid w:val="00557D33"/>
    <w:rsid w:val="0056035F"/>
    <w:rsid w:val="00576701"/>
    <w:rsid w:val="00581E78"/>
    <w:rsid w:val="00587BB4"/>
    <w:rsid w:val="005A566A"/>
    <w:rsid w:val="00622640"/>
    <w:rsid w:val="00626F28"/>
    <w:rsid w:val="006312B7"/>
    <w:rsid w:val="00656216"/>
    <w:rsid w:val="006609CF"/>
    <w:rsid w:val="00667E3B"/>
    <w:rsid w:val="006747BE"/>
    <w:rsid w:val="0067522A"/>
    <w:rsid w:val="00676B57"/>
    <w:rsid w:val="006772F2"/>
    <w:rsid w:val="006905D9"/>
    <w:rsid w:val="006B12C2"/>
    <w:rsid w:val="006E78D4"/>
    <w:rsid w:val="006F2201"/>
    <w:rsid w:val="006F4238"/>
    <w:rsid w:val="006F465D"/>
    <w:rsid w:val="00706FE2"/>
    <w:rsid w:val="00710E63"/>
    <w:rsid w:val="007235A0"/>
    <w:rsid w:val="00727833"/>
    <w:rsid w:val="00741E9C"/>
    <w:rsid w:val="007575CA"/>
    <w:rsid w:val="0077492F"/>
    <w:rsid w:val="007825B8"/>
    <w:rsid w:val="00783281"/>
    <w:rsid w:val="007868BC"/>
    <w:rsid w:val="00787C96"/>
    <w:rsid w:val="007C5E04"/>
    <w:rsid w:val="007D3C7B"/>
    <w:rsid w:val="007F12E8"/>
    <w:rsid w:val="007F192A"/>
    <w:rsid w:val="008014C5"/>
    <w:rsid w:val="008049B3"/>
    <w:rsid w:val="00831DD8"/>
    <w:rsid w:val="00832102"/>
    <w:rsid w:val="00840DB6"/>
    <w:rsid w:val="008432AC"/>
    <w:rsid w:val="008640EB"/>
    <w:rsid w:val="00884C33"/>
    <w:rsid w:val="00897E3D"/>
    <w:rsid w:val="008A3C3A"/>
    <w:rsid w:val="008B776C"/>
    <w:rsid w:val="008C60D0"/>
    <w:rsid w:val="008D6A4D"/>
    <w:rsid w:val="008F2E77"/>
    <w:rsid w:val="00900DA4"/>
    <w:rsid w:val="00903376"/>
    <w:rsid w:val="009070D8"/>
    <w:rsid w:val="00930129"/>
    <w:rsid w:val="00942C9D"/>
    <w:rsid w:val="009639D5"/>
    <w:rsid w:val="0098366B"/>
    <w:rsid w:val="00983FB3"/>
    <w:rsid w:val="00987253"/>
    <w:rsid w:val="00994C8C"/>
    <w:rsid w:val="009A554C"/>
    <w:rsid w:val="009A6399"/>
    <w:rsid w:val="009B1A9B"/>
    <w:rsid w:val="009E3FB2"/>
    <w:rsid w:val="00A03661"/>
    <w:rsid w:val="00A05461"/>
    <w:rsid w:val="00A13033"/>
    <w:rsid w:val="00A23998"/>
    <w:rsid w:val="00A31C34"/>
    <w:rsid w:val="00A325AF"/>
    <w:rsid w:val="00A50581"/>
    <w:rsid w:val="00A5307E"/>
    <w:rsid w:val="00AB6844"/>
    <w:rsid w:val="00AD76FF"/>
    <w:rsid w:val="00AE1952"/>
    <w:rsid w:val="00AE7668"/>
    <w:rsid w:val="00B0101B"/>
    <w:rsid w:val="00B11318"/>
    <w:rsid w:val="00B17FE3"/>
    <w:rsid w:val="00B21F5A"/>
    <w:rsid w:val="00B244D3"/>
    <w:rsid w:val="00B251E6"/>
    <w:rsid w:val="00B25A42"/>
    <w:rsid w:val="00B367CE"/>
    <w:rsid w:val="00B462EF"/>
    <w:rsid w:val="00B65154"/>
    <w:rsid w:val="00B72B6C"/>
    <w:rsid w:val="00B76B48"/>
    <w:rsid w:val="00BB008A"/>
    <w:rsid w:val="00BC3A76"/>
    <w:rsid w:val="00BD723D"/>
    <w:rsid w:val="00BE3264"/>
    <w:rsid w:val="00C01E55"/>
    <w:rsid w:val="00C02C54"/>
    <w:rsid w:val="00C16924"/>
    <w:rsid w:val="00C17AA4"/>
    <w:rsid w:val="00C271DD"/>
    <w:rsid w:val="00C349CA"/>
    <w:rsid w:val="00C51FBD"/>
    <w:rsid w:val="00C52CC0"/>
    <w:rsid w:val="00C653BC"/>
    <w:rsid w:val="00CE3EFE"/>
    <w:rsid w:val="00CE44C0"/>
    <w:rsid w:val="00CF2E0E"/>
    <w:rsid w:val="00CF4636"/>
    <w:rsid w:val="00D457C5"/>
    <w:rsid w:val="00D75B56"/>
    <w:rsid w:val="00D8165F"/>
    <w:rsid w:val="00D8691E"/>
    <w:rsid w:val="00DB5EF2"/>
    <w:rsid w:val="00DC118F"/>
    <w:rsid w:val="00DC3BF5"/>
    <w:rsid w:val="00DF16DC"/>
    <w:rsid w:val="00E02215"/>
    <w:rsid w:val="00E07A21"/>
    <w:rsid w:val="00E11304"/>
    <w:rsid w:val="00E16DE1"/>
    <w:rsid w:val="00E37432"/>
    <w:rsid w:val="00E520A8"/>
    <w:rsid w:val="00E94768"/>
    <w:rsid w:val="00E95C77"/>
    <w:rsid w:val="00EA33F4"/>
    <w:rsid w:val="00EA4CCC"/>
    <w:rsid w:val="00ED118B"/>
    <w:rsid w:val="00ED1951"/>
    <w:rsid w:val="00ED542F"/>
    <w:rsid w:val="00ED7C23"/>
    <w:rsid w:val="00EF06F3"/>
    <w:rsid w:val="00F04DB5"/>
    <w:rsid w:val="00F84630"/>
    <w:rsid w:val="00F856F5"/>
    <w:rsid w:val="00F86BDB"/>
    <w:rsid w:val="00FC0E2E"/>
    <w:rsid w:val="00FC2AD5"/>
    <w:rsid w:val="00FC542B"/>
    <w:rsid w:val="00FD3A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E5BB506"/>
  <w15:chartTrackingRefBased/>
  <w15:docId w15:val="{1C13D3CC-1F27-49FD-AF6B-2B04D56262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3E409B"/>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link w:val="Heading2Char"/>
    <w:uiPriority w:val="9"/>
    <w:qFormat/>
    <w:rsid w:val="002361B3"/>
    <w:pPr>
      <w:spacing w:before="100" w:beforeAutospacing="1" w:after="100" w:afterAutospacing="1" w:line="240" w:lineRule="auto"/>
      <w:outlineLvl w:val="1"/>
    </w:pPr>
    <w:rPr>
      <w:rFonts w:ascii="Times New Roman" w:eastAsia="Times New Roman" w:hAnsi="Times New Roman" w:cs="Times New Roman"/>
      <w:b/>
      <w:bCs/>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2361B3"/>
    <w:rPr>
      <w:rFonts w:ascii="Times New Roman" w:eastAsia="Times New Roman" w:hAnsi="Times New Roman" w:cs="Times New Roman"/>
      <w:b/>
      <w:bCs/>
      <w:sz w:val="36"/>
      <w:szCs w:val="36"/>
    </w:rPr>
  </w:style>
  <w:style w:type="paragraph" w:styleId="NormalWeb">
    <w:name w:val="Normal (Web)"/>
    <w:basedOn w:val="Normal"/>
    <w:uiPriority w:val="99"/>
    <w:semiHidden/>
    <w:unhideWhenUsed/>
    <w:rsid w:val="002361B3"/>
    <w:pPr>
      <w:spacing w:before="100" w:beforeAutospacing="1" w:after="100" w:afterAutospacing="1" w:line="240" w:lineRule="auto"/>
    </w:pPr>
    <w:rPr>
      <w:rFonts w:ascii="Times New Roman" w:eastAsia="Times New Roman" w:hAnsi="Times New Roman" w:cs="Times New Roman"/>
      <w:sz w:val="24"/>
      <w:szCs w:val="24"/>
    </w:rPr>
  </w:style>
  <w:style w:type="paragraph" w:styleId="HTMLPreformatted">
    <w:name w:val="HTML Preformatted"/>
    <w:basedOn w:val="Normal"/>
    <w:link w:val="HTMLPreformattedChar"/>
    <w:uiPriority w:val="99"/>
    <w:semiHidden/>
    <w:unhideWhenUsed/>
    <w:rsid w:val="00196DC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196DCC"/>
    <w:rPr>
      <w:rFonts w:ascii="Courier New" w:eastAsia="Times New Roman" w:hAnsi="Courier New" w:cs="Courier New"/>
      <w:sz w:val="20"/>
      <w:szCs w:val="20"/>
    </w:rPr>
  </w:style>
  <w:style w:type="character" w:styleId="HTMLCode">
    <w:name w:val="HTML Code"/>
    <w:basedOn w:val="DefaultParagraphFont"/>
    <w:uiPriority w:val="99"/>
    <w:semiHidden/>
    <w:unhideWhenUsed/>
    <w:rsid w:val="00196DCC"/>
    <w:rPr>
      <w:rFonts w:ascii="Courier New" w:eastAsia="Times New Roman" w:hAnsi="Courier New" w:cs="Courier New"/>
      <w:sz w:val="20"/>
      <w:szCs w:val="20"/>
    </w:rPr>
  </w:style>
  <w:style w:type="paragraph" w:styleId="ListParagraph">
    <w:name w:val="List Paragraph"/>
    <w:basedOn w:val="Normal"/>
    <w:uiPriority w:val="34"/>
    <w:qFormat/>
    <w:rsid w:val="00517C8E"/>
    <w:pPr>
      <w:ind w:left="720"/>
      <w:contextualSpacing/>
    </w:pPr>
  </w:style>
  <w:style w:type="paragraph" w:styleId="BalloonText">
    <w:name w:val="Balloon Text"/>
    <w:basedOn w:val="Normal"/>
    <w:link w:val="BalloonTextChar"/>
    <w:uiPriority w:val="99"/>
    <w:semiHidden/>
    <w:unhideWhenUsed/>
    <w:rsid w:val="00A325AF"/>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A325AF"/>
    <w:rPr>
      <w:rFonts w:ascii="Segoe UI" w:hAnsi="Segoe UI" w:cs="Segoe UI"/>
      <w:sz w:val="18"/>
      <w:szCs w:val="18"/>
    </w:rPr>
  </w:style>
  <w:style w:type="table" w:styleId="TableGrid">
    <w:name w:val="Table Grid"/>
    <w:basedOn w:val="TableNormal"/>
    <w:uiPriority w:val="39"/>
    <w:rsid w:val="00F856F5"/>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3E409B"/>
    <w:rPr>
      <w:rFonts w:asciiTheme="majorHAnsi" w:eastAsiaTheme="majorEastAsia" w:hAnsiTheme="majorHAnsi" w:cstheme="majorBidi"/>
      <w:color w:val="2F5496" w:themeColor="accent1" w:themeShade="BF"/>
      <w:sz w:val="32"/>
      <w:szCs w:val="32"/>
    </w:rPr>
  </w:style>
  <w:style w:type="paragraph" w:styleId="TOCHeading">
    <w:name w:val="TOC Heading"/>
    <w:basedOn w:val="Heading1"/>
    <w:next w:val="Normal"/>
    <w:uiPriority w:val="39"/>
    <w:unhideWhenUsed/>
    <w:qFormat/>
    <w:rsid w:val="00A5307E"/>
    <w:pPr>
      <w:outlineLvl w:val="9"/>
    </w:pPr>
  </w:style>
  <w:style w:type="paragraph" w:styleId="TOC1">
    <w:name w:val="toc 1"/>
    <w:basedOn w:val="Normal"/>
    <w:next w:val="Normal"/>
    <w:autoRedefine/>
    <w:uiPriority w:val="39"/>
    <w:unhideWhenUsed/>
    <w:rsid w:val="00A5307E"/>
    <w:pPr>
      <w:spacing w:after="100"/>
    </w:pPr>
  </w:style>
  <w:style w:type="character" w:styleId="Hyperlink">
    <w:name w:val="Hyperlink"/>
    <w:basedOn w:val="DefaultParagraphFont"/>
    <w:uiPriority w:val="99"/>
    <w:unhideWhenUsed/>
    <w:rsid w:val="00A5307E"/>
    <w:rPr>
      <w:color w:val="0563C1" w:themeColor="hyperlink"/>
      <w:u w:val="single"/>
    </w:rPr>
  </w:style>
  <w:style w:type="paragraph" w:styleId="TOC2">
    <w:name w:val="toc 2"/>
    <w:basedOn w:val="Normal"/>
    <w:next w:val="Normal"/>
    <w:autoRedefine/>
    <w:uiPriority w:val="39"/>
    <w:unhideWhenUsed/>
    <w:rsid w:val="00C653BC"/>
    <w:pPr>
      <w:spacing w:after="100"/>
      <w:ind w:left="2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57822963">
      <w:bodyDiv w:val="1"/>
      <w:marLeft w:val="0"/>
      <w:marRight w:val="0"/>
      <w:marTop w:val="0"/>
      <w:marBottom w:val="0"/>
      <w:divBdr>
        <w:top w:val="none" w:sz="0" w:space="0" w:color="auto"/>
        <w:left w:val="none" w:sz="0" w:space="0" w:color="auto"/>
        <w:bottom w:val="none" w:sz="0" w:space="0" w:color="auto"/>
        <w:right w:val="none" w:sz="0" w:space="0" w:color="auto"/>
      </w:divBdr>
    </w:div>
    <w:div w:id="69086032">
      <w:bodyDiv w:val="1"/>
      <w:marLeft w:val="0"/>
      <w:marRight w:val="0"/>
      <w:marTop w:val="0"/>
      <w:marBottom w:val="0"/>
      <w:divBdr>
        <w:top w:val="none" w:sz="0" w:space="0" w:color="auto"/>
        <w:left w:val="none" w:sz="0" w:space="0" w:color="auto"/>
        <w:bottom w:val="none" w:sz="0" w:space="0" w:color="auto"/>
        <w:right w:val="none" w:sz="0" w:space="0" w:color="auto"/>
      </w:divBdr>
    </w:div>
    <w:div w:id="114374416">
      <w:bodyDiv w:val="1"/>
      <w:marLeft w:val="0"/>
      <w:marRight w:val="0"/>
      <w:marTop w:val="0"/>
      <w:marBottom w:val="0"/>
      <w:divBdr>
        <w:top w:val="none" w:sz="0" w:space="0" w:color="auto"/>
        <w:left w:val="none" w:sz="0" w:space="0" w:color="auto"/>
        <w:bottom w:val="none" w:sz="0" w:space="0" w:color="auto"/>
        <w:right w:val="none" w:sz="0" w:space="0" w:color="auto"/>
      </w:divBdr>
    </w:div>
    <w:div w:id="249586085">
      <w:bodyDiv w:val="1"/>
      <w:marLeft w:val="0"/>
      <w:marRight w:val="0"/>
      <w:marTop w:val="0"/>
      <w:marBottom w:val="0"/>
      <w:divBdr>
        <w:top w:val="none" w:sz="0" w:space="0" w:color="auto"/>
        <w:left w:val="none" w:sz="0" w:space="0" w:color="auto"/>
        <w:bottom w:val="none" w:sz="0" w:space="0" w:color="auto"/>
        <w:right w:val="none" w:sz="0" w:space="0" w:color="auto"/>
      </w:divBdr>
    </w:div>
    <w:div w:id="311763601">
      <w:bodyDiv w:val="1"/>
      <w:marLeft w:val="0"/>
      <w:marRight w:val="0"/>
      <w:marTop w:val="0"/>
      <w:marBottom w:val="0"/>
      <w:divBdr>
        <w:top w:val="none" w:sz="0" w:space="0" w:color="auto"/>
        <w:left w:val="none" w:sz="0" w:space="0" w:color="auto"/>
        <w:bottom w:val="none" w:sz="0" w:space="0" w:color="auto"/>
        <w:right w:val="none" w:sz="0" w:space="0" w:color="auto"/>
      </w:divBdr>
    </w:div>
    <w:div w:id="401677557">
      <w:bodyDiv w:val="1"/>
      <w:marLeft w:val="0"/>
      <w:marRight w:val="0"/>
      <w:marTop w:val="0"/>
      <w:marBottom w:val="0"/>
      <w:divBdr>
        <w:top w:val="none" w:sz="0" w:space="0" w:color="auto"/>
        <w:left w:val="none" w:sz="0" w:space="0" w:color="auto"/>
        <w:bottom w:val="none" w:sz="0" w:space="0" w:color="auto"/>
        <w:right w:val="none" w:sz="0" w:space="0" w:color="auto"/>
      </w:divBdr>
    </w:div>
    <w:div w:id="447700259">
      <w:bodyDiv w:val="1"/>
      <w:marLeft w:val="0"/>
      <w:marRight w:val="0"/>
      <w:marTop w:val="0"/>
      <w:marBottom w:val="0"/>
      <w:divBdr>
        <w:top w:val="none" w:sz="0" w:space="0" w:color="auto"/>
        <w:left w:val="none" w:sz="0" w:space="0" w:color="auto"/>
        <w:bottom w:val="none" w:sz="0" w:space="0" w:color="auto"/>
        <w:right w:val="none" w:sz="0" w:space="0" w:color="auto"/>
      </w:divBdr>
    </w:div>
    <w:div w:id="493646778">
      <w:bodyDiv w:val="1"/>
      <w:marLeft w:val="0"/>
      <w:marRight w:val="0"/>
      <w:marTop w:val="0"/>
      <w:marBottom w:val="0"/>
      <w:divBdr>
        <w:top w:val="none" w:sz="0" w:space="0" w:color="auto"/>
        <w:left w:val="none" w:sz="0" w:space="0" w:color="auto"/>
        <w:bottom w:val="none" w:sz="0" w:space="0" w:color="auto"/>
        <w:right w:val="none" w:sz="0" w:space="0" w:color="auto"/>
      </w:divBdr>
    </w:div>
    <w:div w:id="625241579">
      <w:bodyDiv w:val="1"/>
      <w:marLeft w:val="0"/>
      <w:marRight w:val="0"/>
      <w:marTop w:val="0"/>
      <w:marBottom w:val="0"/>
      <w:divBdr>
        <w:top w:val="none" w:sz="0" w:space="0" w:color="auto"/>
        <w:left w:val="none" w:sz="0" w:space="0" w:color="auto"/>
        <w:bottom w:val="none" w:sz="0" w:space="0" w:color="auto"/>
        <w:right w:val="none" w:sz="0" w:space="0" w:color="auto"/>
      </w:divBdr>
    </w:div>
    <w:div w:id="662009535">
      <w:bodyDiv w:val="1"/>
      <w:marLeft w:val="0"/>
      <w:marRight w:val="0"/>
      <w:marTop w:val="0"/>
      <w:marBottom w:val="0"/>
      <w:divBdr>
        <w:top w:val="none" w:sz="0" w:space="0" w:color="auto"/>
        <w:left w:val="none" w:sz="0" w:space="0" w:color="auto"/>
        <w:bottom w:val="none" w:sz="0" w:space="0" w:color="auto"/>
        <w:right w:val="none" w:sz="0" w:space="0" w:color="auto"/>
      </w:divBdr>
    </w:div>
    <w:div w:id="681858191">
      <w:bodyDiv w:val="1"/>
      <w:marLeft w:val="0"/>
      <w:marRight w:val="0"/>
      <w:marTop w:val="0"/>
      <w:marBottom w:val="0"/>
      <w:divBdr>
        <w:top w:val="none" w:sz="0" w:space="0" w:color="auto"/>
        <w:left w:val="none" w:sz="0" w:space="0" w:color="auto"/>
        <w:bottom w:val="none" w:sz="0" w:space="0" w:color="auto"/>
        <w:right w:val="none" w:sz="0" w:space="0" w:color="auto"/>
      </w:divBdr>
    </w:div>
    <w:div w:id="689990541">
      <w:bodyDiv w:val="1"/>
      <w:marLeft w:val="0"/>
      <w:marRight w:val="0"/>
      <w:marTop w:val="0"/>
      <w:marBottom w:val="0"/>
      <w:divBdr>
        <w:top w:val="none" w:sz="0" w:space="0" w:color="auto"/>
        <w:left w:val="none" w:sz="0" w:space="0" w:color="auto"/>
        <w:bottom w:val="none" w:sz="0" w:space="0" w:color="auto"/>
        <w:right w:val="none" w:sz="0" w:space="0" w:color="auto"/>
      </w:divBdr>
    </w:div>
    <w:div w:id="701633574">
      <w:bodyDiv w:val="1"/>
      <w:marLeft w:val="0"/>
      <w:marRight w:val="0"/>
      <w:marTop w:val="0"/>
      <w:marBottom w:val="0"/>
      <w:divBdr>
        <w:top w:val="none" w:sz="0" w:space="0" w:color="auto"/>
        <w:left w:val="none" w:sz="0" w:space="0" w:color="auto"/>
        <w:bottom w:val="none" w:sz="0" w:space="0" w:color="auto"/>
        <w:right w:val="none" w:sz="0" w:space="0" w:color="auto"/>
      </w:divBdr>
    </w:div>
    <w:div w:id="806315037">
      <w:bodyDiv w:val="1"/>
      <w:marLeft w:val="0"/>
      <w:marRight w:val="0"/>
      <w:marTop w:val="0"/>
      <w:marBottom w:val="0"/>
      <w:divBdr>
        <w:top w:val="none" w:sz="0" w:space="0" w:color="auto"/>
        <w:left w:val="none" w:sz="0" w:space="0" w:color="auto"/>
        <w:bottom w:val="none" w:sz="0" w:space="0" w:color="auto"/>
        <w:right w:val="none" w:sz="0" w:space="0" w:color="auto"/>
      </w:divBdr>
    </w:div>
    <w:div w:id="871652129">
      <w:bodyDiv w:val="1"/>
      <w:marLeft w:val="0"/>
      <w:marRight w:val="0"/>
      <w:marTop w:val="0"/>
      <w:marBottom w:val="0"/>
      <w:divBdr>
        <w:top w:val="none" w:sz="0" w:space="0" w:color="auto"/>
        <w:left w:val="none" w:sz="0" w:space="0" w:color="auto"/>
        <w:bottom w:val="none" w:sz="0" w:space="0" w:color="auto"/>
        <w:right w:val="none" w:sz="0" w:space="0" w:color="auto"/>
      </w:divBdr>
    </w:div>
    <w:div w:id="913198979">
      <w:bodyDiv w:val="1"/>
      <w:marLeft w:val="0"/>
      <w:marRight w:val="0"/>
      <w:marTop w:val="0"/>
      <w:marBottom w:val="0"/>
      <w:divBdr>
        <w:top w:val="none" w:sz="0" w:space="0" w:color="auto"/>
        <w:left w:val="none" w:sz="0" w:space="0" w:color="auto"/>
        <w:bottom w:val="none" w:sz="0" w:space="0" w:color="auto"/>
        <w:right w:val="none" w:sz="0" w:space="0" w:color="auto"/>
      </w:divBdr>
    </w:div>
    <w:div w:id="923487704">
      <w:bodyDiv w:val="1"/>
      <w:marLeft w:val="0"/>
      <w:marRight w:val="0"/>
      <w:marTop w:val="0"/>
      <w:marBottom w:val="0"/>
      <w:divBdr>
        <w:top w:val="none" w:sz="0" w:space="0" w:color="auto"/>
        <w:left w:val="none" w:sz="0" w:space="0" w:color="auto"/>
        <w:bottom w:val="none" w:sz="0" w:space="0" w:color="auto"/>
        <w:right w:val="none" w:sz="0" w:space="0" w:color="auto"/>
      </w:divBdr>
    </w:div>
    <w:div w:id="939022863">
      <w:bodyDiv w:val="1"/>
      <w:marLeft w:val="0"/>
      <w:marRight w:val="0"/>
      <w:marTop w:val="0"/>
      <w:marBottom w:val="0"/>
      <w:divBdr>
        <w:top w:val="none" w:sz="0" w:space="0" w:color="auto"/>
        <w:left w:val="none" w:sz="0" w:space="0" w:color="auto"/>
        <w:bottom w:val="none" w:sz="0" w:space="0" w:color="auto"/>
        <w:right w:val="none" w:sz="0" w:space="0" w:color="auto"/>
      </w:divBdr>
    </w:div>
    <w:div w:id="1098405695">
      <w:bodyDiv w:val="1"/>
      <w:marLeft w:val="0"/>
      <w:marRight w:val="0"/>
      <w:marTop w:val="0"/>
      <w:marBottom w:val="0"/>
      <w:divBdr>
        <w:top w:val="none" w:sz="0" w:space="0" w:color="auto"/>
        <w:left w:val="none" w:sz="0" w:space="0" w:color="auto"/>
        <w:bottom w:val="none" w:sz="0" w:space="0" w:color="auto"/>
        <w:right w:val="none" w:sz="0" w:space="0" w:color="auto"/>
      </w:divBdr>
    </w:div>
    <w:div w:id="1136795045">
      <w:bodyDiv w:val="1"/>
      <w:marLeft w:val="0"/>
      <w:marRight w:val="0"/>
      <w:marTop w:val="0"/>
      <w:marBottom w:val="0"/>
      <w:divBdr>
        <w:top w:val="none" w:sz="0" w:space="0" w:color="auto"/>
        <w:left w:val="none" w:sz="0" w:space="0" w:color="auto"/>
        <w:bottom w:val="none" w:sz="0" w:space="0" w:color="auto"/>
        <w:right w:val="none" w:sz="0" w:space="0" w:color="auto"/>
      </w:divBdr>
    </w:div>
    <w:div w:id="1146701761">
      <w:bodyDiv w:val="1"/>
      <w:marLeft w:val="0"/>
      <w:marRight w:val="0"/>
      <w:marTop w:val="0"/>
      <w:marBottom w:val="0"/>
      <w:divBdr>
        <w:top w:val="none" w:sz="0" w:space="0" w:color="auto"/>
        <w:left w:val="none" w:sz="0" w:space="0" w:color="auto"/>
        <w:bottom w:val="none" w:sz="0" w:space="0" w:color="auto"/>
        <w:right w:val="none" w:sz="0" w:space="0" w:color="auto"/>
      </w:divBdr>
    </w:div>
    <w:div w:id="1170566123">
      <w:bodyDiv w:val="1"/>
      <w:marLeft w:val="0"/>
      <w:marRight w:val="0"/>
      <w:marTop w:val="0"/>
      <w:marBottom w:val="0"/>
      <w:divBdr>
        <w:top w:val="none" w:sz="0" w:space="0" w:color="auto"/>
        <w:left w:val="none" w:sz="0" w:space="0" w:color="auto"/>
        <w:bottom w:val="none" w:sz="0" w:space="0" w:color="auto"/>
        <w:right w:val="none" w:sz="0" w:space="0" w:color="auto"/>
      </w:divBdr>
    </w:div>
    <w:div w:id="1275945521">
      <w:bodyDiv w:val="1"/>
      <w:marLeft w:val="0"/>
      <w:marRight w:val="0"/>
      <w:marTop w:val="0"/>
      <w:marBottom w:val="0"/>
      <w:divBdr>
        <w:top w:val="none" w:sz="0" w:space="0" w:color="auto"/>
        <w:left w:val="none" w:sz="0" w:space="0" w:color="auto"/>
        <w:bottom w:val="none" w:sz="0" w:space="0" w:color="auto"/>
        <w:right w:val="none" w:sz="0" w:space="0" w:color="auto"/>
      </w:divBdr>
    </w:div>
    <w:div w:id="1366827999">
      <w:bodyDiv w:val="1"/>
      <w:marLeft w:val="0"/>
      <w:marRight w:val="0"/>
      <w:marTop w:val="0"/>
      <w:marBottom w:val="0"/>
      <w:divBdr>
        <w:top w:val="none" w:sz="0" w:space="0" w:color="auto"/>
        <w:left w:val="none" w:sz="0" w:space="0" w:color="auto"/>
        <w:bottom w:val="none" w:sz="0" w:space="0" w:color="auto"/>
        <w:right w:val="none" w:sz="0" w:space="0" w:color="auto"/>
      </w:divBdr>
    </w:div>
    <w:div w:id="1368602241">
      <w:bodyDiv w:val="1"/>
      <w:marLeft w:val="0"/>
      <w:marRight w:val="0"/>
      <w:marTop w:val="0"/>
      <w:marBottom w:val="0"/>
      <w:divBdr>
        <w:top w:val="none" w:sz="0" w:space="0" w:color="auto"/>
        <w:left w:val="none" w:sz="0" w:space="0" w:color="auto"/>
        <w:bottom w:val="none" w:sz="0" w:space="0" w:color="auto"/>
        <w:right w:val="none" w:sz="0" w:space="0" w:color="auto"/>
      </w:divBdr>
    </w:div>
    <w:div w:id="1467892908">
      <w:bodyDiv w:val="1"/>
      <w:marLeft w:val="0"/>
      <w:marRight w:val="0"/>
      <w:marTop w:val="0"/>
      <w:marBottom w:val="0"/>
      <w:divBdr>
        <w:top w:val="none" w:sz="0" w:space="0" w:color="auto"/>
        <w:left w:val="none" w:sz="0" w:space="0" w:color="auto"/>
        <w:bottom w:val="none" w:sz="0" w:space="0" w:color="auto"/>
        <w:right w:val="none" w:sz="0" w:space="0" w:color="auto"/>
      </w:divBdr>
    </w:div>
    <w:div w:id="1482388457">
      <w:bodyDiv w:val="1"/>
      <w:marLeft w:val="0"/>
      <w:marRight w:val="0"/>
      <w:marTop w:val="0"/>
      <w:marBottom w:val="0"/>
      <w:divBdr>
        <w:top w:val="none" w:sz="0" w:space="0" w:color="auto"/>
        <w:left w:val="none" w:sz="0" w:space="0" w:color="auto"/>
        <w:bottom w:val="none" w:sz="0" w:space="0" w:color="auto"/>
        <w:right w:val="none" w:sz="0" w:space="0" w:color="auto"/>
      </w:divBdr>
    </w:div>
    <w:div w:id="1487043242">
      <w:bodyDiv w:val="1"/>
      <w:marLeft w:val="0"/>
      <w:marRight w:val="0"/>
      <w:marTop w:val="0"/>
      <w:marBottom w:val="0"/>
      <w:divBdr>
        <w:top w:val="none" w:sz="0" w:space="0" w:color="auto"/>
        <w:left w:val="none" w:sz="0" w:space="0" w:color="auto"/>
        <w:bottom w:val="none" w:sz="0" w:space="0" w:color="auto"/>
        <w:right w:val="none" w:sz="0" w:space="0" w:color="auto"/>
      </w:divBdr>
    </w:div>
    <w:div w:id="1567912145">
      <w:bodyDiv w:val="1"/>
      <w:marLeft w:val="0"/>
      <w:marRight w:val="0"/>
      <w:marTop w:val="0"/>
      <w:marBottom w:val="0"/>
      <w:divBdr>
        <w:top w:val="none" w:sz="0" w:space="0" w:color="auto"/>
        <w:left w:val="none" w:sz="0" w:space="0" w:color="auto"/>
        <w:bottom w:val="none" w:sz="0" w:space="0" w:color="auto"/>
        <w:right w:val="none" w:sz="0" w:space="0" w:color="auto"/>
      </w:divBdr>
    </w:div>
    <w:div w:id="1569995788">
      <w:bodyDiv w:val="1"/>
      <w:marLeft w:val="0"/>
      <w:marRight w:val="0"/>
      <w:marTop w:val="0"/>
      <w:marBottom w:val="0"/>
      <w:divBdr>
        <w:top w:val="none" w:sz="0" w:space="0" w:color="auto"/>
        <w:left w:val="none" w:sz="0" w:space="0" w:color="auto"/>
        <w:bottom w:val="none" w:sz="0" w:space="0" w:color="auto"/>
        <w:right w:val="none" w:sz="0" w:space="0" w:color="auto"/>
      </w:divBdr>
    </w:div>
    <w:div w:id="1597011550">
      <w:bodyDiv w:val="1"/>
      <w:marLeft w:val="0"/>
      <w:marRight w:val="0"/>
      <w:marTop w:val="0"/>
      <w:marBottom w:val="0"/>
      <w:divBdr>
        <w:top w:val="none" w:sz="0" w:space="0" w:color="auto"/>
        <w:left w:val="none" w:sz="0" w:space="0" w:color="auto"/>
        <w:bottom w:val="none" w:sz="0" w:space="0" w:color="auto"/>
        <w:right w:val="none" w:sz="0" w:space="0" w:color="auto"/>
      </w:divBdr>
    </w:div>
    <w:div w:id="1663897346">
      <w:bodyDiv w:val="1"/>
      <w:marLeft w:val="0"/>
      <w:marRight w:val="0"/>
      <w:marTop w:val="0"/>
      <w:marBottom w:val="0"/>
      <w:divBdr>
        <w:top w:val="none" w:sz="0" w:space="0" w:color="auto"/>
        <w:left w:val="none" w:sz="0" w:space="0" w:color="auto"/>
        <w:bottom w:val="none" w:sz="0" w:space="0" w:color="auto"/>
        <w:right w:val="none" w:sz="0" w:space="0" w:color="auto"/>
      </w:divBdr>
    </w:div>
    <w:div w:id="1930578742">
      <w:bodyDiv w:val="1"/>
      <w:marLeft w:val="0"/>
      <w:marRight w:val="0"/>
      <w:marTop w:val="0"/>
      <w:marBottom w:val="0"/>
      <w:divBdr>
        <w:top w:val="none" w:sz="0" w:space="0" w:color="auto"/>
        <w:left w:val="none" w:sz="0" w:space="0" w:color="auto"/>
        <w:bottom w:val="none" w:sz="0" w:space="0" w:color="auto"/>
        <w:right w:val="none" w:sz="0" w:space="0" w:color="auto"/>
      </w:divBdr>
    </w:div>
    <w:div w:id="1951162137">
      <w:bodyDiv w:val="1"/>
      <w:marLeft w:val="0"/>
      <w:marRight w:val="0"/>
      <w:marTop w:val="0"/>
      <w:marBottom w:val="0"/>
      <w:divBdr>
        <w:top w:val="none" w:sz="0" w:space="0" w:color="auto"/>
        <w:left w:val="none" w:sz="0" w:space="0" w:color="auto"/>
        <w:bottom w:val="none" w:sz="0" w:space="0" w:color="auto"/>
        <w:right w:val="none" w:sz="0" w:space="0" w:color="auto"/>
      </w:divBdr>
    </w:div>
    <w:div w:id="1998343533">
      <w:bodyDiv w:val="1"/>
      <w:marLeft w:val="0"/>
      <w:marRight w:val="0"/>
      <w:marTop w:val="0"/>
      <w:marBottom w:val="0"/>
      <w:divBdr>
        <w:top w:val="none" w:sz="0" w:space="0" w:color="auto"/>
        <w:left w:val="none" w:sz="0" w:space="0" w:color="auto"/>
        <w:bottom w:val="none" w:sz="0" w:space="0" w:color="auto"/>
        <w:right w:val="none" w:sz="0" w:space="0" w:color="auto"/>
      </w:divBdr>
    </w:div>
    <w:div w:id="2060738577">
      <w:bodyDiv w:val="1"/>
      <w:marLeft w:val="0"/>
      <w:marRight w:val="0"/>
      <w:marTop w:val="0"/>
      <w:marBottom w:val="0"/>
      <w:divBdr>
        <w:top w:val="none" w:sz="0" w:space="0" w:color="auto"/>
        <w:left w:val="none" w:sz="0" w:space="0" w:color="auto"/>
        <w:bottom w:val="none" w:sz="0" w:space="0" w:color="auto"/>
        <w:right w:val="none" w:sz="0" w:space="0" w:color="auto"/>
      </w:divBdr>
    </w:div>
    <w:div w:id="2121487497">
      <w:bodyDiv w:val="1"/>
      <w:marLeft w:val="0"/>
      <w:marRight w:val="0"/>
      <w:marTop w:val="0"/>
      <w:marBottom w:val="0"/>
      <w:divBdr>
        <w:top w:val="none" w:sz="0" w:space="0" w:color="auto"/>
        <w:left w:val="none" w:sz="0" w:space="0" w:color="auto"/>
        <w:bottom w:val="none" w:sz="0" w:space="0" w:color="auto"/>
        <w:right w:val="none" w:sz="0" w:space="0" w:color="auto"/>
      </w:divBdr>
    </w:div>
    <w:div w:id="2143380068">
      <w:bodyDiv w:val="1"/>
      <w:marLeft w:val="0"/>
      <w:marRight w:val="0"/>
      <w:marTop w:val="0"/>
      <w:marBottom w:val="0"/>
      <w:divBdr>
        <w:top w:val="none" w:sz="0" w:space="0" w:color="auto"/>
        <w:left w:val="none" w:sz="0" w:space="0" w:color="auto"/>
        <w:bottom w:val="none" w:sz="0" w:space="0" w:color="auto"/>
        <w:right w:val="none" w:sz="0" w:space="0" w:color="auto"/>
      </w:divBdr>
    </w:div>
    <w:div w:id="214357560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3.png"/><Relationship Id="rId5" Type="http://schemas.openxmlformats.org/officeDocument/2006/relationships/footnotes" Target="footnotes.xml"/><Relationship Id="rId10" Type="http://schemas.openxmlformats.org/officeDocument/2006/relationships/hyperlink" Target="https://docs.djangoproject.com/en/2.2/ref/forms/widgets/" TargetMode="External"/><Relationship Id="rId4" Type="http://schemas.openxmlformats.org/officeDocument/2006/relationships/webSettings" Target="webSettings.xml"/><Relationship Id="rId9" Type="http://schemas.openxmlformats.org/officeDocument/2006/relationships/hyperlink" Target="https://www.geeksforgeeks.org/filefield-django-models/"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1292</TotalTime>
  <Pages>29</Pages>
  <Words>3030</Words>
  <Characters>17272</Characters>
  <Application>Microsoft Office Word</Application>
  <DocSecurity>0</DocSecurity>
  <Lines>143</Lines>
  <Paragraphs>40</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202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otakonda, Muralidhar Reddy</dc:creator>
  <cp:keywords/>
  <dc:description/>
  <cp:lastModifiedBy>Kotakonda, Muralidhar Reddy</cp:lastModifiedBy>
  <cp:revision>248</cp:revision>
  <dcterms:created xsi:type="dcterms:W3CDTF">2019-07-23T18:59:00Z</dcterms:created>
  <dcterms:modified xsi:type="dcterms:W3CDTF">2021-02-12T14:39:00Z</dcterms:modified>
</cp:coreProperties>
</file>